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01"/>
  <workbookPr defaultThemeVersion="166925"/>
  <mc:AlternateContent xmlns:mc="http://schemas.openxmlformats.org/markup-compatibility/2006">
    <mc:Choice Requires="x15">
      <x15ac:absPath xmlns:x15ac="http://schemas.microsoft.com/office/spreadsheetml/2010/11/ac" url="Y:\Yoko\OneDrive\＊HOMEPAGE＊\吹田市テニス連盟\2019\19_others\"/>
    </mc:Choice>
  </mc:AlternateContent>
  <xr:revisionPtr revIDLastSave="0" documentId="8_{EBFE4C9E-56F3-47E3-91D3-59B90CC7A974}" xr6:coauthVersionLast="43" xr6:coauthVersionMax="43" xr10:uidLastSave="{00000000-0000-0000-0000-000000000000}"/>
  <bookViews>
    <workbookView xWindow="6885" yWindow="1290" windowWidth="15225" windowHeight="13770" xr2:uid="{6E6F478F-77BF-4530-AE50-6215E303D216}"/>
  </bookViews>
  <sheets>
    <sheet name="市長杯三島案内"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s>
  <definedNames>
    <definedName name="_Dist_Bin" hidden="1">'[1]MIC-分布ﾏｸﾛ'!$M$256:$M$270</definedName>
    <definedName name="_Dist_Values" hidden="1">'[1]MIC-分布ﾏｸﾛ'!$BD$6:$BD$250</definedName>
    <definedName name="_Fill" localSheetId="0" hidden="1">#REF!</definedName>
    <definedName name="_Fill" hidden="1">#REF!</definedName>
    <definedName name="_Key1" hidden="1">'[1]MIC-分布ﾏｸﾛ'!$A$6</definedName>
    <definedName name="_Order1" hidden="1">1</definedName>
    <definedName name="_Order2" hidden="1">255</definedName>
    <definedName name="_Sort" hidden="1">'[1]MIC-分布ﾏｸﾛ'!$A$6:$N$231</definedName>
    <definedName name="\a">'[1]MIC-分布ﾏｸﾛ'!$BG$321</definedName>
    <definedName name="\b">'[1]MIC-分布ﾏｸﾛ'!$BG$363</definedName>
    <definedName name="\c" localSheetId="0">#REF!</definedName>
    <definedName name="\c">#REF!</definedName>
    <definedName name="A" localSheetId="0">#REF!</definedName>
    <definedName name="A">#REF!</definedName>
    <definedName name="AA" localSheetId="0">#REF!</definedName>
    <definedName name="AA">#REF!</definedName>
    <definedName name="aaa" localSheetId="0">#REF!</definedName>
    <definedName name="aaa">#REF!</definedName>
    <definedName name="aaaa" localSheetId="0">#REF!</definedName>
    <definedName name="aaaa">#REF!</definedName>
    <definedName name="aaaaa" localSheetId="0">#REF!</definedName>
    <definedName name="aaaaa">#REF!</definedName>
    <definedName name="aaaaaa" localSheetId="0">#REF!</definedName>
    <definedName name="aaaaaa">#REF!</definedName>
    <definedName name="B" localSheetId="0">#REF!</definedName>
    <definedName name="B">#REF!</definedName>
    <definedName name="BB" localSheetId="0">#REF!</definedName>
    <definedName name="BB">#REF!</definedName>
    <definedName name="CC" localSheetId="0">#REF!</definedName>
    <definedName name="CC">#REF!</definedName>
    <definedName name="ccc" localSheetId="0">#REF!</definedName>
    <definedName name="ccc">#REF!</definedName>
    <definedName name="D" localSheetId="0">#REF!</definedName>
    <definedName name="D">#REF!</definedName>
    <definedName name="DD" localSheetId="0">#REF!</definedName>
    <definedName name="DD">#REF!</definedName>
    <definedName name="dddd" localSheetId="0">#REF!</definedName>
    <definedName name="dddd">#REF!</definedName>
    <definedName name="dfff" localSheetId="0">#REF!</definedName>
    <definedName name="dfff">#REF!</definedName>
    <definedName name="E" localSheetId="0">#REF!</definedName>
    <definedName name="E">#REF!</definedName>
    <definedName name="EE" localSheetId="0">#REF!</definedName>
    <definedName name="EE">#REF!</definedName>
    <definedName name="fff" localSheetId="0">#REF!</definedName>
    <definedName name="fff">#REF!</definedName>
    <definedName name="gggg">'[8]L5X5X5 N'!$I$34</definedName>
    <definedName name="hhhh" localSheetId="0">#REF!</definedName>
    <definedName name="hhhh">#REF!</definedName>
    <definedName name="_xlnm.Print_Area" localSheetId="0">市長杯三島案内!$B$2:$I$47</definedName>
    <definedName name="sss" localSheetId="0">#REF!</definedName>
    <definedName name="sss">#REF!</definedName>
    <definedName name="vvv" localSheetId="0">#REF!</definedName>
    <definedName name="vvv">#REF!</definedName>
    <definedName name="ｘ">'[10]MIC-分布ﾏｸﾛ'!$BG$363</definedName>
    <definedName name="あ" localSheetId="0">#REF!</definedName>
    <definedName name="あ">#REF!</definedName>
    <definedName name="加盟団体">[12]加盟団体リスト!$C$2:$C$178</definedName>
    <definedName name="基点" localSheetId="0">#REF!</definedName>
    <definedName name="基点">#REF!</definedName>
    <definedName name="基点332" localSheetId="0">#REF!</definedName>
    <definedName name="基点332">#REF!</definedName>
    <definedName name="基点3332" localSheetId="0">#REF!</definedName>
    <definedName name="基点3332">#REF!</definedName>
    <definedName name="基点3333" localSheetId="0">#REF!</definedName>
    <definedName name="基点3333">#REF!</definedName>
    <definedName name="基点3334" localSheetId="0">#REF!</definedName>
    <definedName name="基点3334">#REF!</definedName>
    <definedName name="基点3335" localSheetId="0">#REF!</definedName>
    <definedName name="基点3335">#REF!</definedName>
    <definedName name="基点3336" localSheetId="0">#REF!</definedName>
    <definedName name="基点3336">#REF!</definedName>
    <definedName name="基点333決" localSheetId="0">#REF!</definedName>
    <definedName name="基点333決">#REF!</definedName>
    <definedName name="基点432" localSheetId="0">#REF!</definedName>
    <definedName name="基点432">#REF!</definedName>
    <definedName name="基点4332" localSheetId="0">#REF!</definedName>
    <definedName name="基点4332">#REF!</definedName>
    <definedName name="基点4333" localSheetId="0">#REF!</definedName>
    <definedName name="基点4333">#REF!</definedName>
    <definedName name="基点433決" localSheetId="0">#REF!</definedName>
    <definedName name="基点433決">#REF!</definedName>
    <definedName name="基点442" localSheetId="0">#REF!</definedName>
    <definedName name="基点442">#REF!</definedName>
    <definedName name="基点4432" localSheetId="0">#REF!</definedName>
    <definedName name="基点4432">#REF!</definedName>
    <definedName name="基点4433" localSheetId="0">#REF!</definedName>
    <definedName name="基点4433">#REF!</definedName>
    <definedName name="基点443決" localSheetId="0">#REF!</definedName>
    <definedName name="基点443決">#REF!</definedName>
    <definedName name="基点4442" localSheetId="0">#REF!</definedName>
    <definedName name="基点4442">#REF!</definedName>
    <definedName name="基点4443" localSheetId="0">#REF!</definedName>
    <definedName name="基点4443">#REF!</definedName>
    <definedName name="基点4444" localSheetId="0">#REF!</definedName>
    <definedName name="基点4444">#REF!</definedName>
    <definedName name="基点4445" localSheetId="0">#REF!</definedName>
    <definedName name="基点4445">#REF!</definedName>
    <definedName name="基点4446" localSheetId="0">#REF!</definedName>
    <definedName name="基点4446">#REF!</definedName>
    <definedName name="基点444決" localSheetId="0">'[15]20L4X4X4X4X4 '!#REF!</definedName>
    <definedName name="基点444決">'[15]20L4X4X4X4X4 '!#REF!</definedName>
    <definedName name="基点542" localSheetId="0">#REF!</definedName>
    <definedName name="基点542">#REF!</definedName>
    <definedName name="基点5442" localSheetId="0">#REF!</definedName>
    <definedName name="基点5442">#REF!</definedName>
    <definedName name="基点5443" localSheetId="0">#REF!</definedName>
    <definedName name="基点5443">#REF!</definedName>
    <definedName name="基点544決" localSheetId="0">#REF!</definedName>
    <definedName name="基点544決">#REF!</definedName>
    <definedName name="基点552" localSheetId="0">#REF!</definedName>
    <definedName name="基点552">#REF!</definedName>
    <definedName name="基点5542" localSheetId="0">#REF!</definedName>
    <definedName name="基点5542">#REF!</definedName>
    <definedName name="基点5543" localSheetId="0">#REF!</definedName>
    <definedName name="基点5543">#REF!</definedName>
    <definedName name="基点554A" localSheetId="0">#REF!</definedName>
    <definedName name="基点554A">#REF!</definedName>
    <definedName name="基点554決" localSheetId="0">#REF!</definedName>
    <definedName name="基点554決">#REF!</definedName>
    <definedName name="基点5552" localSheetId="0">#REF!</definedName>
    <definedName name="基点5552">#REF!</definedName>
    <definedName name="基点5553" localSheetId="0">#REF!</definedName>
    <definedName name="基点5553">#REF!</definedName>
    <definedName name="基点555決">'[16]L5X5X5 N'!$I$34</definedName>
    <definedName name="基点555決２">'[8]L5X5X5 N'!$I$34</definedName>
    <definedName name="支払">[17]会計簿!$E$4:$E$407,[17]会計簿!$I$4:$I$267</definedName>
    <definedName name="収入">[17]会計簿!$E$4:$E$407,[17]会計簿!$H$4:$H$267</definedName>
    <definedName name="平井カルテ" localSheetId="0">#REF!</definedName>
    <definedName name="平井カルテ">#REF!</definedName>
  </definedNam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37" uniqueCount="37">
  <si>
    <t>三島地区各テニス協会（連盟)</t>
    <rPh sb="0" eb="2">
      <t>ミシマ</t>
    </rPh>
    <rPh sb="2" eb="4">
      <t>チク</t>
    </rPh>
    <rPh sb="4" eb="5">
      <t>カク</t>
    </rPh>
    <rPh sb="8" eb="10">
      <t>キョウカイ</t>
    </rPh>
    <rPh sb="11" eb="13">
      <t>レンメイ</t>
    </rPh>
    <phoneticPr fontId="4"/>
  </si>
  <si>
    <t>　殿</t>
  </si>
  <si>
    <t>　2019.09.吉日</t>
    <rPh sb="9" eb="11">
      <t>キチジツ</t>
    </rPh>
    <phoneticPr fontId="4"/>
  </si>
  <si>
    <t>高槻市テニス連盟</t>
    <rPh sb="0" eb="3">
      <t>タカツキシ</t>
    </rPh>
    <rPh sb="6" eb="8">
      <t>レンメイ</t>
    </rPh>
    <phoneticPr fontId="4"/>
  </si>
  <si>
    <t>第５２回　高槻市長杯ダブルステニス大会のご案内</t>
    <rPh sb="20" eb="23">
      <t>ゴアンナイ</t>
    </rPh>
    <phoneticPr fontId="4"/>
  </si>
  <si>
    <t>　前略</t>
    <rPh sb="1" eb="3">
      <t>ゼンリャク</t>
    </rPh>
    <phoneticPr fontId="4"/>
  </si>
  <si>
    <t>　貴テニス連盟（協会)の皆様には、益々お元気でご活躍のことと、お喜び申し上げます。</t>
    <rPh sb="5" eb="7">
      <t>レンメイ</t>
    </rPh>
    <rPh sb="8" eb="10">
      <t>キョウカイ</t>
    </rPh>
    <phoneticPr fontId="4"/>
  </si>
  <si>
    <t>前年　市長杯テニス大会には選手派遣にご協力いただき有難うございます。</t>
    <rPh sb="0" eb="2">
      <t>ゼンネン</t>
    </rPh>
    <rPh sb="3" eb="5">
      <t>シチョウ</t>
    </rPh>
    <rPh sb="5" eb="6">
      <t>ハイ</t>
    </rPh>
    <rPh sb="9" eb="11">
      <t>タイカイ</t>
    </rPh>
    <rPh sb="13" eb="15">
      <t>センシュ</t>
    </rPh>
    <rPh sb="15" eb="17">
      <t>ハケン</t>
    </rPh>
    <rPh sb="19" eb="21">
      <t>キョウリョク</t>
    </rPh>
    <rPh sb="25" eb="27">
      <t>アリガト</t>
    </rPh>
    <phoneticPr fontId="4"/>
  </si>
  <si>
    <t>今年度も市長杯テニス大会を三島地区テニス愛好家を対象とした準オープン大会とし、</t>
    <rPh sb="0" eb="3">
      <t>コンネンド</t>
    </rPh>
    <rPh sb="4" eb="6">
      <t>シチョウ</t>
    </rPh>
    <rPh sb="6" eb="7">
      <t>ハイ</t>
    </rPh>
    <rPh sb="10" eb="12">
      <t>タイカイ</t>
    </rPh>
    <rPh sb="13" eb="15">
      <t>ミシマ</t>
    </rPh>
    <rPh sb="15" eb="17">
      <t>チク</t>
    </rPh>
    <rPh sb="20" eb="23">
      <t>アイコウカ</t>
    </rPh>
    <rPh sb="24" eb="26">
      <t>タイショウ</t>
    </rPh>
    <rPh sb="29" eb="30">
      <t>ジュン</t>
    </rPh>
    <rPh sb="34" eb="36">
      <t>タイカイ</t>
    </rPh>
    <phoneticPr fontId="4"/>
  </si>
  <si>
    <t>一昨年同様に三島地区各市町テニス協会(連盟）に各10組（計40組)の参加枠を設けました。</t>
    <rPh sb="0" eb="3">
      <t>イッサクネン</t>
    </rPh>
    <rPh sb="6" eb="8">
      <t>ミシマ</t>
    </rPh>
    <rPh sb="8" eb="10">
      <t>チク</t>
    </rPh>
    <rPh sb="10" eb="11">
      <t>カク</t>
    </rPh>
    <rPh sb="11" eb="13">
      <t>シチョウソン</t>
    </rPh>
    <rPh sb="16" eb="18">
      <t>キョウカイ</t>
    </rPh>
    <rPh sb="19" eb="21">
      <t>レンメイ</t>
    </rPh>
    <rPh sb="23" eb="24">
      <t>カク</t>
    </rPh>
    <rPh sb="26" eb="27">
      <t>ク</t>
    </rPh>
    <rPh sb="28" eb="29">
      <t>ケイ</t>
    </rPh>
    <rPh sb="31" eb="32">
      <t>クミ</t>
    </rPh>
    <rPh sb="34" eb="36">
      <t>サンカ</t>
    </rPh>
    <rPh sb="36" eb="37">
      <t>ワク</t>
    </rPh>
    <rPh sb="38" eb="39">
      <t>モウ</t>
    </rPh>
    <phoneticPr fontId="4"/>
  </si>
  <si>
    <t>開催要項は別紙のとうりです。（だだし、社会人に限ります。）</t>
    <rPh sb="0" eb="2">
      <t>カイサイ</t>
    </rPh>
    <rPh sb="2" eb="4">
      <t>ヨウコウ</t>
    </rPh>
    <rPh sb="5" eb="7">
      <t>ベッシ</t>
    </rPh>
    <rPh sb="19" eb="21">
      <t>シャカイ</t>
    </rPh>
    <rPh sb="21" eb="22">
      <t>ジン</t>
    </rPh>
    <rPh sb="23" eb="24">
      <t>カギ</t>
    </rPh>
    <phoneticPr fontId="4"/>
  </si>
  <si>
    <t>　貴テニス協会（連盟)の皆様には、お手数をお掛け致しますが参加希望者がございましたら</t>
    <rPh sb="1" eb="2">
      <t>キ</t>
    </rPh>
    <rPh sb="17" eb="20">
      <t>オテカズ</t>
    </rPh>
    <rPh sb="21" eb="23">
      <t>オカ</t>
    </rPh>
    <rPh sb="24" eb="25">
      <t>イタ</t>
    </rPh>
    <rPh sb="29" eb="31">
      <t>サンカ</t>
    </rPh>
    <rPh sb="31" eb="34">
      <t>キボウシャ</t>
    </rPh>
    <phoneticPr fontId="4"/>
  </si>
  <si>
    <t>取りまとめて下記用紙にて、お申し込み頂ければ幸いです。</t>
    <rPh sb="0" eb="1">
      <t>ト</t>
    </rPh>
    <rPh sb="6" eb="8">
      <t>カキ</t>
    </rPh>
    <rPh sb="8" eb="10">
      <t>ヨウシ</t>
    </rPh>
    <rPh sb="14" eb="15">
      <t>モウ</t>
    </rPh>
    <rPh sb="16" eb="17">
      <t>コ</t>
    </rPh>
    <rPh sb="18" eb="19">
      <t>イタダ</t>
    </rPh>
    <rPh sb="22" eb="23">
      <t>サイワ</t>
    </rPh>
    <phoneticPr fontId="4"/>
  </si>
  <si>
    <t>申込締め切り日：０９月１１日（水）</t>
    <rPh sb="0" eb="2">
      <t>モウシコミ</t>
    </rPh>
    <rPh sb="2" eb="3">
      <t>シ</t>
    </rPh>
    <rPh sb="4" eb="5">
      <t>キ</t>
    </rPh>
    <rPh sb="6" eb="7">
      <t>ヒ</t>
    </rPh>
    <rPh sb="10" eb="11">
      <t>ツキ</t>
    </rPh>
    <rPh sb="13" eb="14">
      <t>ヒ</t>
    </rPh>
    <rPh sb="15" eb="16">
      <t>スイ</t>
    </rPh>
    <phoneticPr fontId="4"/>
  </si>
  <si>
    <t>　なお、参加料は、試合当日に納めていただきますが、未登録組（1組\4000）で、お願い致します。</t>
    <rPh sb="4" eb="6">
      <t>サンカ</t>
    </rPh>
    <rPh sb="6" eb="7">
      <t>リョウ</t>
    </rPh>
    <rPh sb="9" eb="11">
      <t>シアイ</t>
    </rPh>
    <rPh sb="11" eb="13">
      <t>トウジツ</t>
    </rPh>
    <rPh sb="14" eb="15">
      <t>オサ</t>
    </rPh>
    <rPh sb="25" eb="26">
      <t>ミ</t>
    </rPh>
    <rPh sb="26" eb="28">
      <t>トウロク</t>
    </rPh>
    <rPh sb="28" eb="29">
      <t>クミ</t>
    </rPh>
    <rPh sb="31" eb="32">
      <t>クミ</t>
    </rPh>
    <rPh sb="40" eb="42">
      <t>オネガ</t>
    </rPh>
    <rPh sb="43" eb="44">
      <t>イタ</t>
    </rPh>
    <phoneticPr fontId="4"/>
  </si>
  <si>
    <t>お申し込み頂いた組が、試合当日不参加の場合も、追徴するこになりますので、ご理解願います。</t>
    <rPh sb="0" eb="4">
      <t>オモウシコ</t>
    </rPh>
    <rPh sb="5" eb="6">
      <t>イタダ</t>
    </rPh>
    <rPh sb="8" eb="9">
      <t>ク</t>
    </rPh>
    <rPh sb="11" eb="13">
      <t>シアイ</t>
    </rPh>
    <rPh sb="13" eb="15">
      <t>トウジツ</t>
    </rPh>
    <rPh sb="15" eb="18">
      <t>フサンカ</t>
    </rPh>
    <rPh sb="19" eb="21">
      <t>バアイ</t>
    </rPh>
    <rPh sb="23" eb="25">
      <t>ツイチョウ</t>
    </rPh>
    <rPh sb="36" eb="39">
      <t>ゴリカイ</t>
    </rPh>
    <rPh sb="39" eb="40">
      <t>ネガ</t>
    </rPh>
    <phoneticPr fontId="4"/>
  </si>
  <si>
    <t>選手変更は、貴テニス協会（連盟)所属選手であれば、要項の選手変更規定を採用致します。</t>
    <rPh sb="0" eb="2">
      <t>センシュ</t>
    </rPh>
    <rPh sb="2" eb="4">
      <t>ヘンコウ</t>
    </rPh>
    <rPh sb="16" eb="18">
      <t>ショゾク</t>
    </rPh>
    <rPh sb="18" eb="20">
      <t>センシュ</t>
    </rPh>
    <rPh sb="25" eb="27">
      <t>ヨウコウ</t>
    </rPh>
    <rPh sb="28" eb="30">
      <t>センシュ</t>
    </rPh>
    <rPh sb="30" eb="32">
      <t>ヘンコウ</t>
    </rPh>
    <rPh sb="35" eb="37">
      <t>サイヨウ</t>
    </rPh>
    <rPh sb="37" eb="38">
      <t>イタ</t>
    </rPh>
    <phoneticPr fontId="4"/>
  </si>
  <si>
    <t>また、過去　B、Cクラス優勝、準優勝者はパートナー変更であっても上のクラスになります。</t>
    <rPh sb="3" eb="5">
      <t>カコ</t>
    </rPh>
    <rPh sb="12" eb="14">
      <t>ユウショウ</t>
    </rPh>
    <rPh sb="15" eb="16">
      <t>ジュン</t>
    </rPh>
    <rPh sb="16" eb="18">
      <t>ユウショウ</t>
    </rPh>
    <rPh sb="18" eb="19">
      <t>シャ</t>
    </rPh>
    <rPh sb="25" eb="27">
      <t>ヘンコウ</t>
    </rPh>
    <rPh sb="32" eb="33">
      <t>ウエ</t>
    </rPh>
    <phoneticPr fontId="4"/>
  </si>
  <si>
    <t>その他、貴連盟(協会)所属の選手によるチーム構成としてください。</t>
    <rPh sb="2" eb="3">
      <t>タ</t>
    </rPh>
    <rPh sb="4" eb="5">
      <t>キ</t>
    </rPh>
    <rPh sb="5" eb="7">
      <t>レンメイ</t>
    </rPh>
    <rPh sb="8" eb="10">
      <t>キョウカイ</t>
    </rPh>
    <rPh sb="11" eb="13">
      <t>ショゾク</t>
    </rPh>
    <rPh sb="22" eb="24">
      <t>コウセイ</t>
    </rPh>
    <phoneticPr fontId="4"/>
  </si>
  <si>
    <t>申し込み用紙（三島地区用）</t>
    <rPh sb="0" eb="3">
      <t>モウシコ</t>
    </rPh>
    <rPh sb="4" eb="6">
      <t>ヨウシ</t>
    </rPh>
    <rPh sb="7" eb="9">
      <t>ミシマ</t>
    </rPh>
    <rPh sb="9" eb="11">
      <t>チク</t>
    </rPh>
    <rPh sb="11" eb="12">
      <t>ヨウ</t>
    </rPh>
    <phoneticPr fontId="4"/>
  </si>
  <si>
    <t>連盟（協会）</t>
    <rPh sb="0" eb="2">
      <t>レンメイ</t>
    </rPh>
    <rPh sb="3" eb="5">
      <t>キョウカイ</t>
    </rPh>
    <phoneticPr fontId="4"/>
  </si>
  <si>
    <r>
      <t>責任者名</t>
    </r>
    <r>
      <rPr>
        <b/>
        <sz val="11"/>
        <rFont val="ＭＳ Ｐゴシック"/>
        <family val="3"/>
        <charset val="128"/>
      </rPr>
      <t>：</t>
    </r>
    <rPh sb="0" eb="3">
      <t>セキニンシャ</t>
    </rPh>
    <rPh sb="3" eb="4">
      <t>ナ</t>
    </rPh>
    <phoneticPr fontId="4"/>
  </si>
  <si>
    <t>連絡TEL：</t>
    <rPh sb="0" eb="2">
      <t>レンラク</t>
    </rPh>
    <phoneticPr fontId="4"/>
  </si>
  <si>
    <t>参加種目クラス別にまとめて記載頂くと、ドロー作成・点検が楽になります。ご協力ください。</t>
    <rPh sb="0" eb="2">
      <t>サンカ</t>
    </rPh>
    <rPh sb="2" eb="4">
      <t>シュモク</t>
    </rPh>
    <rPh sb="7" eb="8">
      <t>ベツ</t>
    </rPh>
    <rPh sb="13" eb="15">
      <t>キサイ</t>
    </rPh>
    <rPh sb="15" eb="16">
      <t>イタダ</t>
    </rPh>
    <rPh sb="22" eb="24">
      <t>サクセイ</t>
    </rPh>
    <rPh sb="25" eb="27">
      <t>テンケン</t>
    </rPh>
    <rPh sb="28" eb="29">
      <t>ラク</t>
    </rPh>
    <rPh sb="36" eb="38">
      <t>キョウリョク</t>
    </rPh>
    <phoneticPr fontId="4"/>
  </si>
  <si>
    <t>組数</t>
    <rPh sb="0" eb="2">
      <t>クミスウ</t>
    </rPh>
    <phoneticPr fontId="4"/>
  </si>
  <si>
    <t>参加種目</t>
    <rPh sb="0" eb="2">
      <t>サンカ</t>
    </rPh>
    <rPh sb="2" eb="4">
      <t>シュモク</t>
    </rPh>
    <phoneticPr fontId="4"/>
  </si>
  <si>
    <t>名　　前</t>
    <rPh sb="0" eb="4">
      <t>ナマエ</t>
    </rPh>
    <phoneticPr fontId="4"/>
  </si>
  <si>
    <t>ベテラン組</t>
    <rPh sb="4" eb="5">
      <t>クミ</t>
    </rPh>
    <phoneticPr fontId="4"/>
  </si>
  <si>
    <t>前年度成績</t>
    <rPh sb="0" eb="2">
      <t>ゼンネン</t>
    </rPh>
    <rPh sb="2" eb="3">
      <t>ド</t>
    </rPh>
    <rPh sb="3" eb="5">
      <t>セイセキ</t>
    </rPh>
    <phoneticPr fontId="4"/>
  </si>
  <si>
    <t>ベテランの部未成立時</t>
    <rPh sb="5" eb="6">
      <t>ブ</t>
    </rPh>
    <phoneticPr fontId="4"/>
  </si>
  <si>
    <t>男 ・女</t>
    <rPh sb="0" eb="1">
      <t>オトコ</t>
    </rPh>
    <rPh sb="3" eb="4">
      <t>オンナ</t>
    </rPh>
    <phoneticPr fontId="4"/>
  </si>
  <si>
    <t>クラス</t>
    <phoneticPr fontId="4"/>
  </si>
  <si>
    <t>誕生西暦年</t>
    <rPh sb="0" eb="2">
      <t>タンジョウ</t>
    </rPh>
    <rPh sb="2" eb="4">
      <t>セイレキ</t>
    </rPh>
    <rPh sb="4" eb="5">
      <t>ネン</t>
    </rPh>
    <phoneticPr fontId="4"/>
  </si>
  <si>
    <t>ベスト４の方記入</t>
    <rPh sb="5" eb="6">
      <t>カタ</t>
    </rPh>
    <rPh sb="6" eb="8">
      <t>キニュウ</t>
    </rPh>
    <phoneticPr fontId="4"/>
  </si>
  <si>
    <t>別参加クラス記入</t>
    <rPh sb="0" eb="1">
      <t>ベツ</t>
    </rPh>
    <rPh sb="6" eb="8">
      <t>キニュウ</t>
    </rPh>
    <phoneticPr fontId="4"/>
  </si>
  <si>
    <t>男　Ⅰ：４５歳≦、Ⅱ：５５歳≦、Ⅲ：６０歳≦、Ⅳ：６５歳≦、Ⅴ：７０歳≦</t>
    <rPh sb="34" eb="35">
      <t>サイ</t>
    </rPh>
    <phoneticPr fontId="4"/>
  </si>
  <si>
    <t>女　Ⅰ：４０歳≦、Ⅱ：５０歳≦、Ⅲ：５５歳≦</t>
    <rPh sb="0" eb="1">
      <t>オンナ</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font>
      <sz val="11"/>
      <color theme="1"/>
      <name val="ＭＳ Ｐゴシック"/>
      <family val="2"/>
      <charset val="128"/>
    </font>
    <font>
      <sz val="11"/>
      <name val="ＭＳ Ｐゴシック"/>
      <family val="3"/>
      <charset val="128"/>
    </font>
    <font>
      <sz val="14"/>
      <name val="ＭＳ 明朝"/>
      <family val="1"/>
      <charset val="128"/>
    </font>
    <font>
      <sz val="6"/>
      <name val="ＭＳ Ｐゴシック"/>
      <family val="2"/>
      <charset val="128"/>
    </font>
    <font>
      <sz val="6"/>
      <name val="ＭＳ Ｐゴシック"/>
      <family val="3"/>
      <charset val="128"/>
    </font>
    <font>
      <sz val="11"/>
      <name val="ＭＳ 明朝"/>
      <family val="1"/>
      <charset val="128"/>
    </font>
    <font>
      <sz val="14"/>
      <name val="ＭＳ Ｐゴシック"/>
      <family val="3"/>
      <charset val="128"/>
    </font>
    <font>
      <sz val="12"/>
      <name val="ＭＳ 明朝"/>
      <family val="1"/>
      <charset val="128"/>
    </font>
    <font>
      <b/>
      <sz val="11"/>
      <color rgb="FFFF0000"/>
      <name val="ＭＳ Ｐゴシック"/>
      <family val="3"/>
      <charset val="128"/>
    </font>
    <font>
      <b/>
      <sz val="11"/>
      <name val="ＭＳ Ｐゴシック"/>
      <family val="3"/>
      <charset val="128"/>
    </font>
    <font>
      <sz val="18"/>
      <name val="ＭＳ Ｐゴシック"/>
      <family val="3"/>
      <charset val="128"/>
    </font>
    <font>
      <sz val="16"/>
      <name val="ＭＳ Ｐゴシック"/>
      <family val="3"/>
      <charset val="128"/>
    </font>
  </fonts>
  <fills count="2">
    <fill>
      <patternFill patternType="none"/>
    </fill>
    <fill>
      <patternFill patternType="gray125"/>
    </fill>
  </fills>
  <borders count="26">
    <border>
      <left/>
      <right/>
      <top/>
      <bottom/>
      <diagonal/>
    </border>
    <border>
      <left/>
      <right/>
      <top/>
      <bottom style="thin">
        <color indexed="64"/>
      </bottom>
      <diagonal/>
    </border>
    <border>
      <left/>
      <right/>
      <top style="thin">
        <color indexed="64"/>
      </top>
      <bottom style="thin">
        <color indexed="64"/>
      </bottom>
      <diagonal/>
    </border>
    <border>
      <left style="medium">
        <color indexed="64"/>
      </left>
      <right/>
      <top style="medium">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diagonal/>
    </border>
  </borders>
  <cellStyleXfs count="3">
    <xf numFmtId="0" fontId="0" fillId="0" borderId="0">
      <alignment vertical="center"/>
    </xf>
    <xf numFmtId="0" fontId="1" fillId="0" borderId="0"/>
    <xf numFmtId="0" fontId="1" fillId="0" borderId="0">
      <alignment vertical="center"/>
    </xf>
  </cellStyleXfs>
  <cellXfs count="57">
    <xf numFmtId="0" fontId="0" fillId="0" borderId="0" xfId="0">
      <alignment vertical="center"/>
    </xf>
    <xf numFmtId="0" fontId="2" fillId="0" borderId="0" xfId="1" applyFont="1"/>
    <xf numFmtId="0" fontId="5" fillId="0" borderId="0" xfId="1" applyFont="1"/>
    <xf numFmtId="0" fontId="1" fillId="0" borderId="0" xfId="1"/>
    <xf numFmtId="0" fontId="5" fillId="0" borderId="0" xfId="1" applyFont="1" applyAlignment="1">
      <alignment horizontal="left"/>
    </xf>
    <xf numFmtId="0" fontId="2" fillId="0" borderId="1" xfId="1" applyFont="1" applyBorder="1"/>
    <xf numFmtId="0" fontId="5" fillId="0" borderId="1" xfId="1" applyFont="1" applyBorder="1"/>
    <xf numFmtId="0" fontId="2" fillId="0" borderId="1" xfId="1" applyFont="1" applyBorder="1" applyAlignment="1">
      <alignment horizontal="right"/>
    </xf>
    <xf numFmtId="0" fontId="5" fillId="0" borderId="0" xfId="1" applyFont="1" applyAlignment="1">
      <alignment horizontal="right"/>
    </xf>
    <xf numFmtId="0" fontId="6" fillId="0" borderId="0" xfId="1" applyFont="1"/>
    <xf numFmtId="0" fontId="7" fillId="0" borderId="0" xfId="1" applyFont="1" applyAlignment="1">
      <alignment horizontal="right"/>
    </xf>
    <xf numFmtId="0" fontId="2" fillId="0" borderId="0" xfId="1" applyFont="1" applyAlignment="1">
      <alignment vertical="center"/>
    </xf>
    <xf numFmtId="0" fontId="8" fillId="0" borderId="0" xfId="1" applyFont="1"/>
    <xf numFmtId="0" fontId="1" fillId="0" borderId="0" xfId="1" applyAlignment="1">
      <alignment vertical="center"/>
    </xf>
    <xf numFmtId="0" fontId="1" fillId="0" borderId="1" xfId="1" applyBorder="1" applyAlignment="1">
      <alignment horizontal="center"/>
    </xf>
    <xf numFmtId="0" fontId="1" fillId="0" borderId="1" xfId="1" applyBorder="1" applyAlignment="1">
      <alignment horizontal="right" vertical="center"/>
    </xf>
    <xf numFmtId="0" fontId="1" fillId="0" borderId="1" xfId="1" applyBorder="1" applyAlignment="1">
      <alignment vertical="center"/>
    </xf>
    <xf numFmtId="0" fontId="1" fillId="0" borderId="1" xfId="1" applyBorder="1" applyAlignment="1">
      <alignment vertical="center"/>
    </xf>
    <xf numFmtId="0" fontId="1" fillId="0" borderId="2" xfId="1" applyBorder="1" applyAlignment="1">
      <alignment vertical="center"/>
    </xf>
    <xf numFmtId="0" fontId="1" fillId="0" borderId="0" xfId="2">
      <alignment vertical="center"/>
    </xf>
    <xf numFmtId="0" fontId="1" fillId="0" borderId="3" xfId="1" applyBorder="1" applyAlignment="1">
      <alignment horizontal="center" vertical="center"/>
    </xf>
    <xf numFmtId="0" fontId="1" fillId="0" borderId="4" xfId="1" applyBorder="1" applyAlignment="1">
      <alignment horizontal="center" vertical="center"/>
    </xf>
    <xf numFmtId="0" fontId="1" fillId="0" borderId="5" xfId="1" applyBorder="1" applyAlignment="1">
      <alignment horizontal="center" vertical="center"/>
    </xf>
    <xf numFmtId="0" fontId="1" fillId="0" borderId="6" xfId="1" applyBorder="1" applyAlignment="1">
      <alignment horizontal="center" vertical="center"/>
    </xf>
    <xf numFmtId="0" fontId="1" fillId="0" borderId="7" xfId="1" applyBorder="1" applyAlignment="1">
      <alignment horizontal="center" vertical="center"/>
    </xf>
    <xf numFmtId="0" fontId="1" fillId="0" borderId="8" xfId="1" applyBorder="1" applyAlignment="1">
      <alignment horizontal="center" vertical="center"/>
    </xf>
    <xf numFmtId="0" fontId="1" fillId="0" borderId="9" xfId="1" applyBorder="1" applyAlignment="1">
      <alignment horizontal="center" shrinkToFit="1"/>
    </xf>
    <xf numFmtId="0" fontId="1" fillId="0" borderId="10" xfId="1" applyBorder="1" applyAlignment="1">
      <alignment horizontal="center" vertical="center"/>
    </xf>
    <xf numFmtId="0" fontId="1" fillId="0" borderId="11" xfId="1" applyBorder="1" applyAlignment="1">
      <alignment horizontal="center" vertical="center"/>
    </xf>
    <xf numFmtId="0" fontId="1" fillId="0" borderId="12" xfId="1" applyBorder="1" applyAlignment="1">
      <alignment horizontal="center" vertical="center"/>
    </xf>
    <xf numFmtId="0" fontId="1" fillId="0" borderId="13" xfId="1" applyBorder="1" applyAlignment="1">
      <alignment horizontal="center" vertical="center"/>
    </xf>
    <xf numFmtId="0" fontId="1" fillId="0" borderId="12" xfId="1" applyBorder="1" applyAlignment="1">
      <alignment horizontal="center" vertical="center"/>
    </xf>
    <xf numFmtId="0" fontId="1" fillId="0" borderId="14" xfId="1" applyBorder="1" applyAlignment="1">
      <alignment horizontal="center" vertical="center"/>
    </xf>
    <xf numFmtId="0" fontId="1" fillId="0" borderId="15" xfId="1" applyBorder="1" applyAlignment="1">
      <alignment horizontal="center" vertical="center" shrinkToFit="1"/>
    </xf>
    <xf numFmtId="0" fontId="1" fillId="0" borderId="16" xfId="1" applyBorder="1" applyAlignment="1">
      <alignment horizontal="center"/>
    </xf>
    <xf numFmtId="0" fontId="10" fillId="0" borderId="17" xfId="1" applyFont="1" applyBorder="1" applyAlignment="1">
      <alignment horizontal="center" vertical="center"/>
    </xf>
    <xf numFmtId="0" fontId="1" fillId="0" borderId="8" xfId="1" applyBorder="1" applyAlignment="1">
      <alignment horizontal="center"/>
    </xf>
    <xf numFmtId="0" fontId="1" fillId="0" borderId="18" xfId="1" applyBorder="1" applyAlignment="1">
      <alignment horizontal="center"/>
    </xf>
    <xf numFmtId="0" fontId="1" fillId="0" borderId="4" xfId="1" applyBorder="1"/>
    <xf numFmtId="0" fontId="1" fillId="0" borderId="19" xfId="1" applyBorder="1"/>
    <xf numFmtId="0" fontId="1" fillId="0" borderId="20" xfId="1" applyBorder="1"/>
    <xf numFmtId="0" fontId="1" fillId="0" borderId="9" xfId="1" applyBorder="1" applyAlignment="1">
      <alignment horizontal="center"/>
    </xf>
    <xf numFmtId="0" fontId="1" fillId="0" borderId="10" xfId="1" applyBorder="1"/>
    <xf numFmtId="0" fontId="10" fillId="0" borderId="21" xfId="1" applyFont="1" applyBorder="1" applyAlignment="1">
      <alignment horizontal="center" vertical="center"/>
    </xf>
    <xf numFmtId="0" fontId="1" fillId="0" borderId="15" xfId="1" applyBorder="1" applyAlignment="1">
      <alignment horizontal="center"/>
    </xf>
    <xf numFmtId="0" fontId="1" fillId="0" borderId="22" xfId="1" applyBorder="1" applyAlignment="1">
      <alignment horizontal="center"/>
    </xf>
    <xf numFmtId="0" fontId="1" fillId="0" borderId="23" xfId="1" applyBorder="1"/>
    <xf numFmtId="0" fontId="1" fillId="0" borderId="16" xfId="1" applyBorder="1"/>
    <xf numFmtId="0" fontId="1" fillId="0" borderId="15" xfId="1" applyBorder="1"/>
    <xf numFmtId="0" fontId="1" fillId="0" borderId="16" xfId="1" applyBorder="1" applyAlignment="1">
      <alignment horizontal="center"/>
    </xf>
    <xf numFmtId="0" fontId="1" fillId="0" borderId="24" xfId="1" applyBorder="1"/>
    <xf numFmtId="0" fontId="11" fillId="0" borderId="17" xfId="1" applyFont="1" applyBorder="1" applyAlignment="1">
      <alignment horizontal="center" vertical="center"/>
    </xf>
    <xf numFmtId="0" fontId="11" fillId="0" borderId="21" xfId="1" applyFont="1" applyBorder="1" applyAlignment="1">
      <alignment horizontal="center" vertical="center"/>
    </xf>
    <xf numFmtId="0" fontId="11" fillId="0" borderId="25" xfId="1" applyFont="1" applyBorder="1" applyAlignment="1">
      <alignment horizontal="center" vertical="center"/>
    </xf>
    <xf numFmtId="0" fontId="11" fillId="0" borderId="0" xfId="1" applyFont="1" applyAlignment="1">
      <alignment horizontal="center" vertical="center"/>
    </xf>
    <xf numFmtId="0" fontId="1" fillId="0" borderId="0" xfId="1" applyAlignment="1">
      <alignment horizontal="center"/>
    </xf>
    <xf numFmtId="0" fontId="9" fillId="0" borderId="0" xfId="2" applyFont="1">
      <alignment vertical="center"/>
    </xf>
  </cellXfs>
  <cellStyles count="3">
    <cellStyle name="標準" xfId="0" builtinId="0"/>
    <cellStyle name="標準 2" xfId="1" xr:uid="{518E97E1-B47F-4207-B6B9-DE17EA8FEE6C}"/>
    <cellStyle name="標準_申込書原稿関連" xfId="2" xr:uid="{709D743B-36B9-421B-970E-32D2FA6A2BB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7.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 Type="http://schemas.openxmlformats.org/officeDocument/2006/relationships/externalLink" Target="externalLinks/externalLink2.xml"/><Relationship Id="rId21" Type="http://schemas.openxmlformats.org/officeDocument/2006/relationships/styles" Target="styles.xml"/><Relationship Id="rId7" Type="http://schemas.openxmlformats.org/officeDocument/2006/relationships/externalLink" Target="externalLinks/externalLink6.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Documents%20and%20Settings\s06240\&#12487;&#12473;&#12463;&#12488;&#12483;&#12503;\VCM-S\S-4661-517data\&#24494;&#37327;1\&#65423;&#65400;&#65435;-MIC-Broth.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C:\Documents%20and%20Settings\s06240\&#12487;&#12473;&#12463;&#12488;&#12483;&#12503;\ALL&#65420;&#65383;&#65394;&#65433;\&#12381;&#12398;&#20182;\VCM-S\S-4661-517data\&#24494;&#37327;1\&#65423;&#65400;&#65435;-MIC-Broth.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C:\DOCUME~1\DDTC\LOCALS~1\Temp\notes6030C8\H23%20&#31038;&#20250;&#20154;&#30007;&#23376;&#19968;&#33324;.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H26%20&#12471;&#12531;&#12464;&#12523;&#12473;%20&#12456;&#12531;&#12488;&#12522;&#1254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22823;&#20250;&#38306;&#36899;\H26&#24180;&#24230;\H25%20&#24066;&#38263;&#26479;&#12489;&#12525;&#12540;.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H26%20&#12471;&#12531;&#12464;&#12523;&#12473;&#12489;&#12525;&#12540;MC.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H26%20&#12471;&#12531;&#12464;&#12523;&#12473;&#12489;&#12525;&#12540;MA.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Tennis\&#12489;&#12525;&#12540;\016&#21336;&#35079;(2006B).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24066;&#25552;&#20986;&#29289;&#38306;&#20418;\&#65298;&#65297;&#20250;&#35336;&#31807;K.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22823;&#20250;&#38306;&#36899;\H26&#24180;&#24230;\H26&#24180;&#24230;&#22823;&#20250;&#34920;&#3202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nz225rs\&#25239;&#33740;&#8545;\Windows\&#65411;&#65438;&#65405;&#65400;&#65412;&#65391;&#65420;&#65439;\S-1090&#32048;&#33740;&#20998;&#39006;.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01&#39640;&#27131;&#24066;&#12486;&#12491;&#12473;&#36899;&#30431;&#38306;&#20418;\2019&#12288;&#35430;&#21512;&#32080;&#26524;\R1&#24180;&#38291;&#20104;&#23450;&#34920;&#12539;&#24195;&#22577;&#65305;&#26376;&#21495;&#35201;&#38917;&#3156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Documents%20and%20Settings\s06240\&#12487;&#12473;&#12463;&#12488;&#12483;&#12503;\VCM-S\S-4661-517data\p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22823;&#20250;&#38306;&#36899;\H23&#24180;&#24230;\H23%20&#26032;&#20154;&#22823;&#20250;\H23_&#26032;&#20154;&#12489;&#12525;&#12540;0520&#20250;&#35696;&#27770;&#23450;&#29256;.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DOCUME~1\DDTC\LOCALS~1\Temp\notes6030C8\H23%20&#31038;&#20250;&#20154;&#22899;&#23376;&#19968;&#33324;.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Users\005500\AppData\Local\Microsoft\Windows\Temporary%20Internet%20Files\Content.IE5\7PAHKS0R\H26&#24180;&#24230;\H26-06&#12288;&#12471;&#12531;&#12464;&#12523;&#12473;&#22823;&#20250;\&#22823;&#20250;&#38306;&#36899;\H26&#24180;&#24230;\H26-05&#12288;&#39640;&#27131;&#24066;&#38263;&#26479;\&#22823;&#20250;&#38306;&#36899;\H23&#24180;&#24230;\H23%20&#26032;&#20154;&#22823;&#20250;\H23_&#26032;&#20154;&#12489;&#12525;&#12540;0520&#20250;&#35696;&#27770;&#23450;&#29256;.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Tennis\&#12489;&#12525;&#12540;\016&#21336;&#35079;(2006B).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G:\&#22823;&#20250;&#38306;&#36899;\H23&#24180;&#24230;\H23&#24180;&#24230;&#22823;&#20250;&#34920;&#3202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ｸﾞﾗﾌ"/>
      <sheetName val="MIC50-90"/>
      <sheetName val="Mean-%ﾏｸﾛ"/>
      <sheetName val="MIC-分布ﾏｸﾛ"/>
      <sheetName val="数字-分布ﾏｸﾛ"/>
      <sheetName val="R頻度"/>
    </sheetNames>
    <sheetDataSet>
      <sheetData sheetId="0" refreshError="1"/>
      <sheetData sheetId="1" refreshError="1"/>
      <sheetData sheetId="2" refreshError="1"/>
      <sheetData sheetId="3" refreshError="1">
        <row r="6">
          <cell r="N6">
            <v>1</v>
          </cell>
        </row>
        <row r="7">
          <cell r="N7">
            <v>2</v>
          </cell>
        </row>
        <row r="8">
          <cell r="N8">
            <v>3</v>
          </cell>
        </row>
        <row r="9">
          <cell r="N9">
            <v>4</v>
          </cell>
        </row>
        <row r="10">
          <cell r="N10">
            <v>5</v>
          </cell>
        </row>
        <row r="11">
          <cell r="N11">
            <v>6</v>
          </cell>
        </row>
        <row r="12">
          <cell r="N12">
            <v>7</v>
          </cell>
        </row>
        <row r="13">
          <cell r="N13">
            <v>8</v>
          </cell>
        </row>
        <row r="14">
          <cell r="N14">
            <v>9</v>
          </cell>
        </row>
        <row r="15">
          <cell r="N15">
            <v>10</v>
          </cell>
        </row>
        <row r="16">
          <cell r="N16">
            <v>11</v>
          </cell>
        </row>
        <row r="17">
          <cell r="N17">
            <v>12</v>
          </cell>
        </row>
        <row r="18">
          <cell r="N18">
            <v>13</v>
          </cell>
        </row>
        <row r="19">
          <cell r="N19">
            <v>14</v>
          </cell>
        </row>
        <row r="20">
          <cell r="N20">
            <v>15</v>
          </cell>
        </row>
        <row r="21">
          <cell r="N21">
            <v>16</v>
          </cell>
        </row>
        <row r="22">
          <cell r="N22">
            <v>17</v>
          </cell>
        </row>
        <row r="23">
          <cell r="N23">
            <v>18</v>
          </cell>
        </row>
        <row r="24">
          <cell r="N24">
            <v>19</v>
          </cell>
        </row>
        <row r="25">
          <cell r="N25">
            <v>20</v>
          </cell>
        </row>
        <row r="26">
          <cell r="N26">
            <v>21</v>
          </cell>
        </row>
        <row r="27">
          <cell r="N27">
            <v>22</v>
          </cell>
        </row>
        <row r="28">
          <cell r="N28">
            <v>23</v>
          </cell>
        </row>
        <row r="29">
          <cell r="N29">
            <v>24</v>
          </cell>
        </row>
        <row r="30">
          <cell r="N30">
            <v>25</v>
          </cell>
        </row>
        <row r="31">
          <cell r="N31">
            <v>26</v>
          </cell>
        </row>
        <row r="32">
          <cell r="N32">
            <v>27</v>
          </cell>
        </row>
        <row r="33">
          <cell r="N33">
            <v>28</v>
          </cell>
        </row>
        <row r="34">
          <cell r="N34">
            <v>29</v>
          </cell>
        </row>
        <row r="35">
          <cell r="N35">
            <v>30</v>
          </cell>
        </row>
        <row r="36">
          <cell r="N36">
            <v>31</v>
          </cell>
        </row>
        <row r="37">
          <cell r="N37">
            <v>32</v>
          </cell>
        </row>
        <row r="38">
          <cell r="N38">
            <v>33</v>
          </cell>
        </row>
        <row r="39">
          <cell r="N39">
            <v>34</v>
          </cell>
        </row>
        <row r="40">
          <cell r="N40">
            <v>35</v>
          </cell>
        </row>
        <row r="41">
          <cell r="N41">
            <v>36</v>
          </cell>
        </row>
        <row r="42">
          <cell r="N42">
            <v>37</v>
          </cell>
        </row>
        <row r="43">
          <cell r="N43">
            <v>38</v>
          </cell>
        </row>
        <row r="44">
          <cell r="N44">
            <v>39</v>
          </cell>
        </row>
        <row r="45">
          <cell r="N45">
            <v>40</v>
          </cell>
        </row>
        <row r="46">
          <cell r="N46">
            <v>41</v>
          </cell>
        </row>
        <row r="47">
          <cell r="N47">
            <v>42</v>
          </cell>
        </row>
        <row r="48">
          <cell r="N48">
            <v>43</v>
          </cell>
        </row>
        <row r="49">
          <cell r="N49">
            <v>44</v>
          </cell>
        </row>
        <row r="50">
          <cell r="N50">
            <v>45</v>
          </cell>
        </row>
        <row r="51">
          <cell r="N51">
            <v>46</v>
          </cell>
        </row>
        <row r="52">
          <cell r="N52">
            <v>47</v>
          </cell>
        </row>
        <row r="53">
          <cell r="N53">
            <v>48</v>
          </cell>
        </row>
        <row r="54">
          <cell r="N54">
            <v>49</v>
          </cell>
        </row>
        <row r="55">
          <cell r="N55">
            <v>50</v>
          </cell>
        </row>
        <row r="56">
          <cell r="N56">
            <v>51</v>
          </cell>
        </row>
        <row r="57">
          <cell r="N57">
            <v>52</v>
          </cell>
        </row>
        <row r="58">
          <cell r="N58">
            <v>53</v>
          </cell>
        </row>
        <row r="59">
          <cell r="N59">
            <v>54</v>
          </cell>
        </row>
        <row r="60">
          <cell r="N60">
            <v>55</v>
          </cell>
        </row>
        <row r="61">
          <cell r="N61">
            <v>56</v>
          </cell>
        </row>
        <row r="62">
          <cell r="N62">
            <v>57</v>
          </cell>
        </row>
        <row r="63">
          <cell r="N63">
            <v>58</v>
          </cell>
        </row>
        <row r="64">
          <cell r="N64">
            <v>59</v>
          </cell>
        </row>
        <row r="65">
          <cell r="N65">
            <v>60</v>
          </cell>
        </row>
        <row r="66">
          <cell r="N66">
            <v>61</v>
          </cell>
        </row>
        <row r="67">
          <cell r="N67">
            <v>62</v>
          </cell>
        </row>
        <row r="68">
          <cell r="N68">
            <v>63</v>
          </cell>
        </row>
        <row r="69">
          <cell r="N69">
            <v>64</v>
          </cell>
        </row>
        <row r="70">
          <cell r="N70">
            <v>65</v>
          </cell>
        </row>
        <row r="71">
          <cell r="N71">
            <v>66</v>
          </cell>
        </row>
        <row r="72">
          <cell r="N72">
            <v>67</v>
          </cell>
        </row>
        <row r="73">
          <cell r="N73">
            <v>68</v>
          </cell>
        </row>
        <row r="74">
          <cell r="N74">
            <v>69</v>
          </cell>
        </row>
        <row r="75">
          <cell r="N75">
            <v>70</v>
          </cell>
        </row>
        <row r="76">
          <cell r="N76">
            <v>71</v>
          </cell>
        </row>
        <row r="77">
          <cell r="N77">
            <v>72</v>
          </cell>
        </row>
        <row r="78">
          <cell r="N78">
            <v>73</v>
          </cell>
        </row>
        <row r="79">
          <cell r="N79">
            <v>74</v>
          </cell>
        </row>
        <row r="80">
          <cell r="N80">
            <v>75</v>
          </cell>
        </row>
        <row r="81">
          <cell r="N81">
            <v>76</v>
          </cell>
        </row>
        <row r="82">
          <cell r="N82">
            <v>77</v>
          </cell>
        </row>
        <row r="83">
          <cell r="N83">
            <v>78</v>
          </cell>
        </row>
        <row r="84">
          <cell r="N84">
            <v>79</v>
          </cell>
        </row>
        <row r="85">
          <cell r="N85">
            <v>80</v>
          </cell>
        </row>
        <row r="86">
          <cell r="N86">
            <v>81</v>
          </cell>
        </row>
        <row r="87">
          <cell r="N87">
            <v>82</v>
          </cell>
        </row>
        <row r="88">
          <cell r="N88">
            <v>83</v>
          </cell>
        </row>
        <row r="89">
          <cell r="N89">
            <v>84</v>
          </cell>
        </row>
        <row r="90">
          <cell r="N90">
            <v>85</v>
          </cell>
        </row>
        <row r="91">
          <cell r="N91">
            <v>86</v>
          </cell>
        </row>
        <row r="92">
          <cell r="N92">
            <v>87</v>
          </cell>
        </row>
        <row r="93">
          <cell r="N93">
            <v>88</v>
          </cell>
        </row>
        <row r="94">
          <cell r="N94">
            <v>89</v>
          </cell>
        </row>
        <row r="95">
          <cell r="N95">
            <v>90</v>
          </cell>
        </row>
        <row r="96">
          <cell r="N96">
            <v>91</v>
          </cell>
        </row>
        <row r="97">
          <cell r="N97">
            <v>92</v>
          </cell>
        </row>
        <row r="98">
          <cell r="N98">
            <v>93</v>
          </cell>
        </row>
        <row r="99">
          <cell r="N99">
            <v>94</v>
          </cell>
        </row>
        <row r="100">
          <cell r="N100">
            <v>95</v>
          </cell>
        </row>
        <row r="101">
          <cell r="N101">
            <v>96</v>
          </cell>
        </row>
        <row r="102">
          <cell r="N102">
            <v>97</v>
          </cell>
        </row>
        <row r="103">
          <cell r="N103">
            <v>98</v>
          </cell>
        </row>
        <row r="104">
          <cell r="N104">
            <v>99</v>
          </cell>
        </row>
        <row r="105">
          <cell r="N105">
            <v>100</v>
          </cell>
        </row>
        <row r="106">
          <cell r="N106">
            <v>101</v>
          </cell>
        </row>
        <row r="107">
          <cell r="N107">
            <v>102</v>
          </cell>
        </row>
        <row r="108">
          <cell r="N108">
            <v>103</v>
          </cell>
        </row>
        <row r="109">
          <cell r="N109">
            <v>104</v>
          </cell>
        </row>
        <row r="110">
          <cell r="N110">
            <v>105</v>
          </cell>
        </row>
        <row r="111">
          <cell r="N111">
            <v>106</v>
          </cell>
        </row>
        <row r="112">
          <cell r="N112">
            <v>107</v>
          </cell>
        </row>
        <row r="113">
          <cell r="N113">
            <v>108</v>
          </cell>
        </row>
        <row r="114">
          <cell r="N114">
            <v>109</v>
          </cell>
        </row>
        <row r="115">
          <cell r="N115">
            <v>110</v>
          </cell>
        </row>
        <row r="116">
          <cell r="N116">
            <v>111</v>
          </cell>
        </row>
        <row r="117">
          <cell r="N117">
            <v>112</v>
          </cell>
        </row>
        <row r="118">
          <cell r="N118">
            <v>113</v>
          </cell>
        </row>
        <row r="119">
          <cell r="N119">
            <v>114</v>
          </cell>
        </row>
        <row r="120">
          <cell r="N120">
            <v>115</v>
          </cell>
        </row>
        <row r="121">
          <cell r="N121">
            <v>116</v>
          </cell>
        </row>
        <row r="122">
          <cell r="N122">
            <v>117</v>
          </cell>
        </row>
        <row r="123">
          <cell r="N123">
            <v>118</v>
          </cell>
        </row>
        <row r="124">
          <cell r="N124">
            <v>119</v>
          </cell>
        </row>
        <row r="125">
          <cell r="N125">
            <v>120</v>
          </cell>
        </row>
        <row r="126">
          <cell r="N126">
            <v>121</v>
          </cell>
        </row>
        <row r="127">
          <cell r="N127">
            <v>122</v>
          </cell>
        </row>
        <row r="128">
          <cell r="N128">
            <v>123</v>
          </cell>
        </row>
        <row r="129">
          <cell r="N129">
            <v>124</v>
          </cell>
        </row>
        <row r="130">
          <cell r="N130">
            <v>125</v>
          </cell>
        </row>
        <row r="131">
          <cell r="N131">
            <v>126</v>
          </cell>
        </row>
        <row r="132">
          <cell r="N132">
            <v>127</v>
          </cell>
        </row>
        <row r="133">
          <cell r="N133">
            <v>128</v>
          </cell>
        </row>
        <row r="134">
          <cell r="N134">
            <v>129</v>
          </cell>
        </row>
        <row r="135">
          <cell r="N135">
            <v>130</v>
          </cell>
        </row>
        <row r="136">
          <cell r="N136">
            <v>131</v>
          </cell>
        </row>
        <row r="137">
          <cell r="N137">
            <v>132</v>
          </cell>
        </row>
        <row r="138">
          <cell r="N138">
            <v>133</v>
          </cell>
        </row>
        <row r="139">
          <cell r="N139">
            <v>134</v>
          </cell>
        </row>
        <row r="140">
          <cell r="N140">
            <v>135</v>
          </cell>
        </row>
        <row r="141">
          <cell r="N141">
            <v>136</v>
          </cell>
        </row>
        <row r="142">
          <cell r="N142">
            <v>137</v>
          </cell>
        </row>
        <row r="143">
          <cell r="N143">
            <v>138</v>
          </cell>
        </row>
        <row r="144">
          <cell r="N144">
            <v>139</v>
          </cell>
        </row>
        <row r="145">
          <cell r="N145">
            <v>140</v>
          </cell>
        </row>
        <row r="146">
          <cell r="N146">
            <v>141</v>
          </cell>
        </row>
        <row r="147">
          <cell r="N147">
            <v>142</v>
          </cell>
        </row>
        <row r="148">
          <cell r="N148">
            <v>143</v>
          </cell>
        </row>
        <row r="149">
          <cell r="N149">
            <v>144</v>
          </cell>
        </row>
        <row r="150">
          <cell r="N150">
            <v>145</v>
          </cell>
        </row>
        <row r="151">
          <cell r="N151">
            <v>146</v>
          </cell>
        </row>
        <row r="152">
          <cell r="N152">
            <v>147</v>
          </cell>
        </row>
        <row r="153">
          <cell r="N153">
            <v>148</v>
          </cell>
        </row>
        <row r="154">
          <cell r="N154">
            <v>149</v>
          </cell>
        </row>
        <row r="155">
          <cell r="N155">
            <v>150</v>
          </cell>
        </row>
        <row r="156">
          <cell r="N156">
            <v>151</v>
          </cell>
        </row>
        <row r="157">
          <cell r="N157">
            <v>152</v>
          </cell>
        </row>
        <row r="158">
          <cell r="N158">
            <v>153</v>
          </cell>
        </row>
        <row r="159">
          <cell r="N159">
            <v>154</v>
          </cell>
        </row>
        <row r="160">
          <cell r="N160">
            <v>155</v>
          </cell>
        </row>
        <row r="161">
          <cell r="N161">
            <v>156</v>
          </cell>
        </row>
        <row r="162">
          <cell r="N162">
            <v>157</v>
          </cell>
        </row>
        <row r="163">
          <cell r="N163">
            <v>158</v>
          </cell>
        </row>
        <row r="164">
          <cell r="N164">
            <v>159</v>
          </cell>
        </row>
        <row r="165">
          <cell r="N165">
            <v>160</v>
          </cell>
        </row>
        <row r="166">
          <cell r="N166">
            <v>161</v>
          </cell>
        </row>
        <row r="167">
          <cell r="N167">
            <v>162</v>
          </cell>
        </row>
        <row r="168">
          <cell r="N168">
            <v>163</v>
          </cell>
        </row>
        <row r="169">
          <cell r="N169">
            <v>164</v>
          </cell>
        </row>
        <row r="170">
          <cell r="N170">
            <v>165</v>
          </cell>
        </row>
        <row r="171">
          <cell r="N171">
            <v>166</v>
          </cell>
        </row>
        <row r="172">
          <cell r="N172">
            <v>167</v>
          </cell>
        </row>
        <row r="173">
          <cell r="N173">
            <v>168</v>
          </cell>
        </row>
        <row r="174">
          <cell r="N174">
            <v>169</v>
          </cell>
        </row>
        <row r="175">
          <cell r="N175">
            <v>170</v>
          </cell>
        </row>
        <row r="176">
          <cell r="N176">
            <v>171</v>
          </cell>
        </row>
        <row r="177">
          <cell r="N177">
            <v>172</v>
          </cell>
        </row>
        <row r="178">
          <cell r="N178">
            <v>173</v>
          </cell>
        </row>
        <row r="179">
          <cell r="N179">
            <v>174</v>
          </cell>
        </row>
        <row r="180">
          <cell r="N180">
            <v>175</v>
          </cell>
        </row>
        <row r="181">
          <cell r="N181">
            <v>176</v>
          </cell>
        </row>
        <row r="182">
          <cell r="N182">
            <v>177</v>
          </cell>
        </row>
        <row r="183">
          <cell r="N183">
            <v>178</v>
          </cell>
        </row>
        <row r="184">
          <cell r="N184">
            <v>179</v>
          </cell>
        </row>
        <row r="185">
          <cell r="N185">
            <v>180</v>
          </cell>
        </row>
        <row r="186">
          <cell r="N186">
            <v>181</v>
          </cell>
        </row>
        <row r="187">
          <cell r="N187">
            <v>182</v>
          </cell>
        </row>
        <row r="188">
          <cell r="N188">
            <v>183</v>
          </cell>
        </row>
        <row r="189">
          <cell r="N189">
            <v>184</v>
          </cell>
        </row>
        <row r="190">
          <cell r="N190">
            <v>185</v>
          </cell>
        </row>
        <row r="191">
          <cell r="N191">
            <v>186</v>
          </cell>
        </row>
        <row r="192">
          <cell r="N192">
            <v>187</v>
          </cell>
        </row>
        <row r="193">
          <cell r="N193">
            <v>188</v>
          </cell>
        </row>
        <row r="194">
          <cell r="N194">
            <v>189</v>
          </cell>
        </row>
        <row r="195">
          <cell r="N195">
            <v>190</v>
          </cell>
        </row>
        <row r="196">
          <cell r="N196">
            <v>191</v>
          </cell>
        </row>
        <row r="197">
          <cell r="N197">
            <v>192</v>
          </cell>
        </row>
        <row r="198">
          <cell r="N198">
            <v>193</v>
          </cell>
        </row>
        <row r="199">
          <cell r="N199">
            <v>194</v>
          </cell>
        </row>
        <row r="200">
          <cell r="N200">
            <v>195</v>
          </cell>
        </row>
        <row r="201">
          <cell r="N201">
            <v>196</v>
          </cell>
        </row>
        <row r="202">
          <cell r="N202">
            <v>197</v>
          </cell>
        </row>
        <row r="203">
          <cell r="N203">
            <v>198</v>
          </cell>
        </row>
        <row r="204">
          <cell r="N204">
            <v>199</v>
          </cell>
        </row>
        <row r="205">
          <cell r="N205">
            <v>200</v>
          </cell>
        </row>
        <row r="206">
          <cell r="N206">
            <v>201</v>
          </cell>
        </row>
        <row r="207">
          <cell r="N207">
            <v>202</v>
          </cell>
        </row>
        <row r="208">
          <cell r="N208">
            <v>203</v>
          </cell>
        </row>
        <row r="209">
          <cell r="N209">
            <v>204</v>
          </cell>
        </row>
        <row r="210">
          <cell r="N210">
            <v>205</v>
          </cell>
        </row>
        <row r="211">
          <cell r="N211">
            <v>206</v>
          </cell>
        </row>
        <row r="212">
          <cell r="N212">
            <v>207</v>
          </cell>
        </row>
        <row r="213">
          <cell r="N213">
            <v>208</v>
          </cell>
        </row>
        <row r="214">
          <cell r="N214">
            <v>209</v>
          </cell>
        </row>
        <row r="215">
          <cell r="N215">
            <v>210</v>
          </cell>
        </row>
        <row r="216">
          <cell r="N216">
            <v>211</v>
          </cell>
        </row>
        <row r="217">
          <cell r="N217">
            <v>212</v>
          </cell>
        </row>
        <row r="218">
          <cell r="N218">
            <v>213</v>
          </cell>
        </row>
        <row r="219">
          <cell r="N219">
            <v>214</v>
          </cell>
        </row>
        <row r="220">
          <cell r="N220">
            <v>215</v>
          </cell>
        </row>
        <row r="221">
          <cell r="N221">
            <v>216</v>
          </cell>
        </row>
        <row r="222">
          <cell r="N222">
            <v>217</v>
          </cell>
        </row>
        <row r="223">
          <cell r="N223">
            <v>218</v>
          </cell>
        </row>
        <row r="224">
          <cell r="N224">
            <v>219</v>
          </cell>
        </row>
        <row r="225">
          <cell r="N225">
            <v>220</v>
          </cell>
        </row>
        <row r="226">
          <cell r="N226">
            <v>221</v>
          </cell>
        </row>
        <row r="227">
          <cell r="N227">
            <v>222</v>
          </cell>
        </row>
        <row r="228">
          <cell r="N228">
            <v>223</v>
          </cell>
        </row>
        <row r="229">
          <cell r="N229">
            <v>224</v>
          </cell>
        </row>
        <row r="230">
          <cell r="N230">
            <v>225</v>
          </cell>
        </row>
        <row r="256">
          <cell r="M256">
            <v>8.0000000000000002E-3</v>
          </cell>
        </row>
        <row r="257">
          <cell r="M257">
            <v>1.6E-2</v>
          </cell>
        </row>
        <row r="258">
          <cell r="M258">
            <v>3.2000000000000001E-2</v>
          </cell>
        </row>
        <row r="259">
          <cell r="M259">
            <v>6.3E-2</v>
          </cell>
        </row>
        <row r="260">
          <cell r="M260">
            <v>0.125</v>
          </cell>
        </row>
        <row r="261">
          <cell r="M261">
            <v>0.25</v>
          </cell>
        </row>
        <row r="262">
          <cell r="M262">
            <v>0.5</v>
          </cell>
        </row>
        <row r="263">
          <cell r="M263">
            <v>1</v>
          </cell>
        </row>
        <row r="264">
          <cell r="M264">
            <v>2</v>
          </cell>
        </row>
        <row r="265">
          <cell r="M265">
            <v>4</v>
          </cell>
        </row>
        <row r="266">
          <cell r="M266">
            <v>8</v>
          </cell>
        </row>
        <row r="267">
          <cell r="M267">
            <v>16</v>
          </cell>
        </row>
        <row r="268">
          <cell r="M268">
            <v>32</v>
          </cell>
        </row>
        <row r="269">
          <cell r="M269">
            <v>64</v>
          </cell>
        </row>
        <row r="270">
          <cell r="M270">
            <v>128</v>
          </cell>
        </row>
        <row r="321">
          <cell r="BG321" t="str">
            <v>{MENU}DDP6:P250~M256:M270~{MENU}MN256:N271~P256~</v>
          </cell>
        </row>
        <row r="363">
          <cell r="BG363" t="str">
            <v>{MENU}CP5:BD5~P255~</v>
          </cell>
        </row>
      </sheetData>
      <sheetData sheetId="4" refreshError="1"/>
      <sheetData sheetId="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ｸﾞﾗﾌ"/>
      <sheetName val="MIC50-90"/>
      <sheetName val="Mean-%ﾏｸﾛ"/>
      <sheetName val="MIC-分布ﾏｸﾛ"/>
      <sheetName val="数字-分布ﾏｸﾛ"/>
      <sheetName val="R頻度"/>
    </sheetNames>
    <sheetDataSet>
      <sheetData sheetId="0" refreshError="1"/>
      <sheetData sheetId="1" refreshError="1"/>
      <sheetData sheetId="2" refreshError="1"/>
      <sheetData sheetId="3" refreshError="1">
        <row r="363">
          <cell r="BG363" t="str">
            <v>{MENU}CP5:BD5~P255~</v>
          </cell>
        </row>
      </sheetData>
      <sheetData sheetId="4" refreshError="1"/>
      <sheetData sheetId="5"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H23 社会人男子一般"/>
      <sheetName val="Ｗ６４"/>
      <sheetName val="Ｓ６４"/>
      <sheetName val="L4X4X4X4X4X4"/>
      <sheetName val="L4X4X4X4X4 "/>
      <sheetName val="L3X3X3X3X3X3"/>
      <sheetName val="L3X3X3X3X3"/>
      <sheetName val="64抽選 "/>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加盟団体リスト"/>
      <sheetName val="MA"/>
      <sheetName val="MB"/>
      <sheetName val="MC"/>
      <sheetName val="MS1"/>
      <sheetName val="MS2"/>
      <sheetName val="MS3"/>
      <sheetName val="MS4"/>
      <sheetName val="WA"/>
      <sheetName val="WB"/>
      <sheetName val="WC"/>
      <sheetName val="WS1"/>
      <sheetName val="WS2"/>
      <sheetName val="エントリー数"/>
      <sheetName val="M"/>
      <sheetName val="W"/>
      <sheetName val="Sheet1"/>
    </sheetNames>
    <sheetDataSet>
      <sheetData sheetId="0">
        <row r="2">
          <cell r="C2" t="str">
            <v>略　　称</v>
          </cell>
        </row>
        <row r="3">
          <cell r="C3" t="str">
            <v>２４／７</v>
          </cell>
        </row>
        <row r="4">
          <cell r="C4" t="str">
            <v>（株）明治</v>
          </cell>
        </row>
        <row r="5">
          <cell r="C5" t="str">
            <v>Bay&amp;Way</v>
          </cell>
        </row>
        <row r="6">
          <cell r="C6" t="str">
            <v>Blue Wind</v>
          </cell>
        </row>
        <row r="7">
          <cell r="C7" t="str">
            <v>ＢＵＲＮＳ</v>
          </cell>
        </row>
        <row r="8">
          <cell r="C8" t="str">
            <v>ｃｌｏｖｅｒ</v>
          </cell>
        </row>
        <row r="9">
          <cell r="C9" t="str">
            <v>Colors</v>
          </cell>
        </row>
        <row r="10">
          <cell r="C10" t="str">
            <v>ＣＯＭＥ ＯＮ！</v>
          </cell>
        </row>
        <row r="11">
          <cell r="C11" t="str">
            <v>EaE</v>
          </cell>
        </row>
        <row r="12">
          <cell r="C12" t="str">
            <v>ETA</v>
          </cell>
        </row>
        <row r="13">
          <cell r="C13" t="str">
            <v>FTC</v>
          </cell>
        </row>
        <row r="14">
          <cell r="C14" t="str">
            <v>FTLTC</v>
          </cell>
        </row>
        <row r="15">
          <cell r="C15" t="str">
            <v>G&amp;B</v>
          </cell>
        </row>
        <row r="16">
          <cell r="C16" t="str">
            <v>LGI</v>
          </cell>
        </row>
        <row r="17">
          <cell r="C17" t="str">
            <v>MOKU</v>
          </cell>
        </row>
        <row r="18">
          <cell r="C18" t="str">
            <v>MOVE</v>
          </cell>
        </row>
        <row r="19">
          <cell r="C19" t="str">
            <v>MSi</v>
          </cell>
        </row>
        <row r="20">
          <cell r="C20" t="str">
            <v>NCI TC</v>
          </cell>
        </row>
        <row r="21">
          <cell r="C21" t="str">
            <v>NS阿武山</v>
          </cell>
        </row>
        <row r="22">
          <cell r="C22" t="str">
            <v>ＮＴＣ</v>
          </cell>
        </row>
        <row r="23">
          <cell r="C23" t="str">
            <v>ｏｌｄ阿武山</v>
          </cell>
        </row>
        <row r="24">
          <cell r="C24" t="str">
            <v>Rough</v>
          </cell>
        </row>
        <row r="25">
          <cell r="C25" t="str">
            <v>RSTC</v>
          </cell>
        </row>
        <row r="26">
          <cell r="C26" t="str">
            <v>Seven-style</v>
          </cell>
        </row>
        <row r="27">
          <cell r="C27" t="str">
            <v>STC</v>
          </cell>
        </row>
        <row r="28">
          <cell r="C28" t="str">
            <v>T.R-3</v>
          </cell>
        </row>
        <row r="29">
          <cell r="C29" t="str">
            <v>TC Dream</v>
          </cell>
        </row>
        <row r="30">
          <cell r="C30" t="str">
            <v>TC Dream・ETA</v>
          </cell>
        </row>
        <row r="31">
          <cell r="C31" t="str">
            <v>TC Dream・ﾌﾚﾝｽﾞ</v>
          </cell>
        </row>
        <row r="32">
          <cell r="C32" t="str">
            <v>Team Pon-Poko</v>
          </cell>
        </row>
        <row r="33">
          <cell r="C33" t="str">
            <v>Teamぷ～ぷ～</v>
          </cell>
        </row>
        <row r="34">
          <cell r="C34" t="str">
            <v>TK</v>
          </cell>
        </row>
        <row r="35">
          <cell r="C35" t="str">
            <v>TMR</v>
          </cell>
        </row>
        <row r="36">
          <cell r="C36" t="str">
            <v>TOWA</v>
          </cell>
        </row>
        <row r="37">
          <cell r="C37" t="str">
            <v>ＴＹＫ</v>
          </cell>
        </row>
        <row r="38">
          <cell r="C38" t="str">
            <v>ＴＹＫ・ＥＴＡ</v>
          </cell>
        </row>
        <row r="39">
          <cell r="C39" t="str">
            <v>ＴＹＫ・水無瀬ミント</v>
          </cell>
        </row>
        <row r="40">
          <cell r="C40" t="str">
            <v>UPSET</v>
          </cell>
        </row>
        <row r="41">
          <cell r="C41" t="str">
            <v>Yellow Fox</v>
          </cell>
        </row>
        <row r="42">
          <cell r="C42" t="str">
            <v>ZERO</v>
          </cell>
        </row>
        <row r="43">
          <cell r="C43" t="str">
            <v>ZERO・Team Pon-Poko</v>
          </cell>
        </row>
        <row r="44">
          <cell r="C44" t="str">
            <v>Ｚｏｏ</v>
          </cell>
        </row>
        <row r="45">
          <cell r="C45" t="str">
            <v>浅沼組</v>
          </cell>
        </row>
        <row r="46">
          <cell r="C46" t="str">
            <v>市橋クラブ</v>
          </cell>
        </row>
        <row r="47">
          <cell r="C47" t="str">
            <v>茨木ST</v>
          </cell>
        </row>
        <row r="48">
          <cell r="C48" t="str">
            <v>茨木サニータウンTC</v>
          </cell>
        </row>
        <row r="49">
          <cell r="C49" t="str">
            <v>茨木市</v>
          </cell>
        </row>
        <row r="50">
          <cell r="C50" t="str">
            <v>茨木高槻山のテニスサークル</v>
          </cell>
        </row>
        <row r="51">
          <cell r="C51" t="str">
            <v>梅こぶ茶</v>
          </cell>
        </row>
        <row r="52">
          <cell r="C52" t="str">
            <v>大下ＴＧ</v>
          </cell>
        </row>
        <row r="53">
          <cell r="C53" t="str">
            <v>カルピスTC</v>
          </cell>
        </row>
        <row r="54">
          <cell r="C54" t="str">
            <v>金プリ</v>
          </cell>
        </row>
        <row r="55">
          <cell r="C55" t="str">
            <v>グランツ</v>
          </cell>
        </row>
        <row r="56">
          <cell r="C56" t="str">
            <v>グリコ栄養食品</v>
          </cell>
        </row>
        <row r="57">
          <cell r="C57" t="str">
            <v>クリスタルＰ・ちゅん＆りん</v>
          </cell>
        </row>
        <row r="58">
          <cell r="C58" t="str">
            <v>コスモス</v>
          </cell>
        </row>
        <row r="59">
          <cell r="C59" t="str">
            <v>サニータウン・TYK</v>
          </cell>
        </row>
        <row r="60">
          <cell r="C60" t="str">
            <v>ザバススポーツクラブデルタインドアテニススクール</v>
          </cell>
        </row>
        <row r="61">
          <cell r="C61" t="str">
            <v>三庭会</v>
          </cell>
        </row>
        <row r="62">
          <cell r="C62" t="str">
            <v>サンライズTC</v>
          </cell>
        </row>
        <row r="63">
          <cell r="C63" t="str">
            <v>サンライズTC・ETA</v>
          </cell>
        </row>
        <row r="64">
          <cell r="C64" t="str">
            <v>芝谷中PTA</v>
          </cell>
        </row>
        <row r="65">
          <cell r="C65" t="str">
            <v>島本町</v>
          </cell>
        </row>
        <row r="66">
          <cell r="C66" t="str">
            <v>白川同好会</v>
          </cell>
        </row>
        <row r="67">
          <cell r="C67" t="str">
            <v>新体連高槻</v>
          </cell>
        </row>
        <row r="68">
          <cell r="C68" t="str">
            <v>吹田市</v>
          </cell>
        </row>
        <row r="69">
          <cell r="C69" t="str">
            <v>住化MEC</v>
          </cell>
        </row>
        <row r="70">
          <cell r="C70" t="str">
            <v>すずらん</v>
          </cell>
        </row>
        <row r="71">
          <cell r="C71" t="str">
            <v>摂津市</v>
          </cell>
        </row>
        <row r="72">
          <cell r="C72" t="str">
            <v>千里丘倶楽部</v>
          </cell>
        </row>
        <row r="73">
          <cell r="C73" t="str">
            <v>千里丘倶楽部・サニータウンＴＣ</v>
          </cell>
        </row>
        <row r="74">
          <cell r="C74" t="str">
            <v>ターンテーブル</v>
          </cell>
        </row>
        <row r="75">
          <cell r="C75" t="str">
            <v>第一製薬</v>
          </cell>
        </row>
        <row r="76">
          <cell r="C76" t="str">
            <v>タイガーヘッドTC</v>
          </cell>
        </row>
        <row r="77">
          <cell r="C77" t="str">
            <v>大丸TS</v>
          </cell>
        </row>
        <row r="78">
          <cell r="C78" t="str">
            <v>タイユテニス</v>
          </cell>
        </row>
        <row r="79">
          <cell r="C79" t="str">
            <v>高槻1中PTA</v>
          </cell>
        </row>
        <row r="80">
          <cell r="C80" t="str">
            <v>高槻2中PTA</v>
          </cell>
        </row>
        <row r="81">
          <cell r="C81" t="str">
            <v>高槻ＴＣ</v>
          </cell>
        </row>
        <row r="82">
          <cell r="C82" t="str">
            <v>高槻市役所</v>
          </cell>
        </row>
        <row r="83">
          <cell r="C83" t="str">
            <v>チームＢ７</v>
          </cell>
        </row>
        <row r="84">
          <cell r="C84" t="str">
            <v>チームＴＴ</v>
          </cell>
        </row>
        <row r="85">
          <cell r="C85" t="str">
            <v>チームＹＳＡ</v>
          </cell>
        </row>
        <row r="86">
          <cell r="C86" t="str">
            <v>チームＹＳＡ・ 千里丘倶楽部</v>
          </cell>
        </row>
        <row r="87">
          <cell r="C87" t="str">
            <v>チームＹＳＡ・ＥＴＡ</v>
          </cell>
        </row>
        <row r="88">
          <cell r="C88" t="str">
            <v>チーム阿武山</v>
          </cell>
        </row>
        <row r="89">
          <cell r="C89" t="str">
            <v>チーム阿武山・G&amp;B</v>
          </cell>
        </row>
        <row r="90">
          <cell r="C90" t="str">
            <v>チャレンジ</v>
          </cell>
        </row>
        <row r="91">
          <cell r="C91" t="str">
            <v>ちゅん＆りんTC</v>
          </cell>
        </row>
        <row r="92">
          <cell r="C92" t="str">
            <v>テッシーズ</v>
          </cell>
        </row>
        <row r="93">
          <cell r="C93" t="str">
            <v>テニスショップ plus</v>
          </cell>
        </row>
        <row r="94">
          <cell r="C94" t="str">
            <v>テニスリング</v>
          </cell>
        </row>
        <row r="95">
          <cell r="C95" t="str">
            <v>東洋製罐</v>
          </cell>
        </row>
        <row r="96">
          <cell r="C96" t="str">
            <v>徳秀苑庭球倶楽部</v>
          </cell>
        </row>
        <row r="97">
          <cell r="C97" t="str">
            <v>にのうみ</v>
          </cell>
        </row>
        <row r="98">
          <cell r="C98" t="str">
            <v>ノースマウンテンＲ・Ｔ・Ｃ</v>
          </cell>
        </row>
        <row r="99">
          <cell r="C99" t="str">
            <v>ハゲッチ</v>
          </cell>
        </row>
        <row r="100">
          <cell r="C100" t="str">
            <v>ハッピーリターン</v>
          </cell>
        </row>
        <row r="101">
          <cell r="C101" t="str">
            <v>ひよこクラブ・ZERO</v>
          </cell>
        </row>
        <row r="102">
          <cell r="C102" t="str">
            <v>日吉台</v>
          </cell>
        </row>
        <row r="103">
          <cell r="C103" t="str">
            <v>ぶつかり稽古</v>
          </cell>
        </row>
        <row r="104">
          <cell r="C104" t="str">
            <v>ブルーS</v>
          </cell>
        </row>
        <row r="105">
          <cell r="C105" t="str">
            <v>フレンズ</v>
          </cell>
        </row>
        <row r="106">
          <cell r="C106" t="str">
            <v>ヘーゼルナッツチョコレート</v>
          </cell>
        </row>
        <row r="107">
          <cell r="C107" t="str">
            <v>松下電子</v>
          </cell>
        </row>
        <row r="108">
          <cell r="C108" t="str">
            <v>水無瀬GTC</v>
          </cell>
        </row>
        <row r="109">
          <cell r="C109" t="str">
            <v>水無瀬GTC・ETA</v>
          </cell>
        </row>
        <row r="110">
          <cell r="C110" t="str">
            <v>明治製菓</v>
          </cell>
        </row>
        <row r="111">
          <cell r="C111" t="str">
            <v>もっさん</v>
          </cell>
        </row>
        <row r="112">
          <cell r="C112" t="str">
            <v>ユアサ</v>
          </cell>
        </row>
        <row r="113">
          <cell r="C113" t="str">
            <v>四次元ポケット</v>
          </cell>
        </row>
        <row r="114">
          <cell r="C114" t="str">
            <v>ラバーズコレクション</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市長杯表紙"/>
      <sheetName val="H25 市長杯MA-T"/>
      <sheetName val="H25 市長杯MA-L"/>
      <sheetName val="H25 市長杯ＭＢ-T"/>
      <sheetName val="H25 市長杯ＭＢ-L"/>
      <sheetName val="H25 市長杯MC-T"/>
      <sheetName val="H25 市長杯MC-L"/>
      <sheetName val="H25 市長杯MC-FT"/>
      <sheetName val="H25 市長杯MⅠ-T"/>
      <sheetName val="H25 市長杯MⅠ-L"/>
      <sheetName val="H25 市長杯ＭⅡ-T"/>
      <sheetName val="H25 市長杯ＭⅡ-L"/>
      <sheetName val="H25 市長杯ＭⅢⅣ-T"/>
      <sheetName val="H25 市長杯ＭⅢⅣ-L"/>
      <sheetName val="H25 市長杯WA-T"/>
      <sheetName val="H25 市長杯WA-L"/>
      <sheetName val="H25 市長杯WB-T"/>
      <sheetName val="H25 市長杯WB-L"/>
      <sheetName val="H25 市長杯WC-T"/>
      <sheetName val="H25 市長杯WC-L"/>
      <sheetName val="H25 市長杯WⅠ-T"/>
      <sheetName val="H25 市長杯WⅠ-L"/>
      <sheetName val="H25 市長杯WⅡ-T"/>
      <sheetName val="H25 市長杯WⅡ-L"/>
      <sheetName val="MA"/>
      <sheetName val="MB"/>
      <sheetName val="MC"/>
      <sheetName val="MS1"/>
      <sheetName val="MS2"/>
      <sheetName val="MS3"/>
      <sheetName val="MS4"/>
      <sheetName val="WA"/>
      <sheetName val="WB"/>
      <sheetName val="WC"/>
      <sheetName val="WS1"/>
      <sheetName val="WS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H26シングルスMC-T"/>
      <sheetName val="S６４N"/>
      <sheetName val="Ｗ６４ (2)"/>
      <sheetName val="Ｓ６４"/>
      <sheetName val="団体戦"/>
      <sheetName val="L4X4X4X4X4X4"/>
      <sheetName val="L4X4X4X4X4 "/>
      <sheetName val="L3X3X3X3X3X3"/>
      <sheetName val="L3X3X3X3X3"/>
      <sheetName val="64抽選 "/>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３２-1"/>
      <sheetName val="Ｗ３２－２"/>
      <sheetName val="H26シングルスMA-T"/>
      <sheetName val="Ｓ３２－１"/>
      <sheetName val="Ｓ３２－２ "/>
      <sheetName val="団体戦"/>
      <sheetName val="24L4X4X4X4X4X4"/>
      <sheetName val="20L4X4X4X4X4 "/>
      <sheetName val="18L3X3X3X3X3X3"/>
      <sheetName val="15L3X3X3X3X3"/>
      <sheetName val="24L3X8"/>
      <sheetName val="28L3X4X3X4X4X3X4X3"/>
      <sheetName val="32抽選 "/>
    </sheetNames>
    <sheetDataSet>
      <sheetData sheetId="0" refreshError="1"/>
      <sheetData sheetId="1" refreshError="1"/>
      <sheetData sheetId="2" refreshError="1"/>
      <sheetData sheetId="3" refreshError="1"/>
      <sheetData sheetId="4"/>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sheetData sheetId="1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１６"/>
      <sheetName val="Ｓ１６"/>
      <sheetName val="L5X5 N"/>
      <sheetName val="L5X4 N "/>
      <sheetName val="L5X5X5 N"/>
      <sheetName val="L5X5X4 N"/>
      <sheetName val="L5X4X4 N "/>
      <sheetName val="L4X4X4 N "/>
      <sheetName val="L4X4X3 N "/>
      <sheetName val="L4X3X3 N  "/>
      <sheetName val="L3X3X3 N "/>
      <sheetName val="16抽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XXXXX"/>
      <sheetName val="laroux"/>
      <sheetName val="補助金"/>
      <sheetName val="会計簿"/>
      <sheetName val="収支予算書（本年度）"/>
      <sheetName val="収支決算書（提出用）"/>
      <sheetName val="収支決算書（連盟控）"/>
      <sheetName val="収支決算（総会用）"/>
      <sheetName val="収支予算書（次年度）"/>
      <sheetName val="大会別収支"/>
      <sheetName val="xxxxxxxxx"/>
      <sheetName val="収Ⅰ-1-(1)登録料収入"/>
      <sheetName val="収Ⅰ-1-(2)参加料収入"/>
      <sheetName val="収Ⅰ-1-(3)その他の事業収入"/>
      <sheetName val="収Ⅰ-2-(1)事業補助金収入"/>
      <sheetName val="収Ⅰ-2-(2)総体補助金収入"/>
      <sheetName val="収Ⅰ-3雑収入"/>
      <sheetName val="支Ⅰ-1-(1)府関係費"/>
      <sheetName val="支Ⅰ-1-(2)地区関係費"/>
      <sheetName val="支Ⅰ-1-(3)大阪府総体費"/>
      <sheetName val="支Ⅰ-1-(4)三島地区・総体費"/>
      <sheetName val="支Ⅰ-1-(5)その他上部団体費"/>
      <sheetName val="支Ⅰ-2-(1)役員手当（大会）"/>
      <sheetName val="支Ⅰ-2-(2)審判手当（大会）"/>
      <sheetName val="支Ⅰ-2-(3)会議費（大会）"/>
      <sheetName val="支Ⅰ-2-(4)旅費交通費（大会）"/>
      <sheetName val="支Ⅰ-2-(5)通信運搬費（大会）"/>
      <sheetName val="支Ⅰ-2-(6)消耗品費（大会）"/>
      <sheetName val="支Ⅰ-2-(7)食糧費（大会）"/>
      <sheetName val="支Ⅰ-2-(8)印刷製本費（大会）"/>
      <sheetName val="支Ⅰ-2-(9)用具費（大会）"/>
      <sheetName val="支Ⅰ-2-(10)賞品費（大会）"/>
      <sheetName val="支Ⅰ-2-(11)参加賞費（大会）"/>
      <sheetName val="支Ⅰ-2-(12)賃借料（有料施設）（大会）"/>
      <sheetName val="支Ⅰ-2-(12)賃借料（付属器具）（大会）"/>
      <sheetName val="支Ⅰ-2-(13)保険料（大会）"/>
      <sheetName val="支Ⅰ-2-(14)諸謝金（大会）"/>
      <sheetName val="支Ⅰ-2-(15)その他諸経費（大会）"/>
      <sheetName val="支Ⅰ-3-(1)役員手当（教室）"/>
      <sheetName val="支Ⅰ-3-(2)講師謝礼（教室）"/>
      <sheetName val="支Ⅰ-3-(3)会議費（教室）"/>
      <sheetName val="支Ⅰ-3-(4)旅費交通費（教室）"/>
      <sheetName val="支Ⅰ-3-(5)通信運搬費（教室）"/>
      <sheetName val="支Ⅰ-3-(6)消耗品費（教室）"/>
      <sheetName val="支Ⅰ-3-(7)食料費（教室）"/>
      <sheetName val="支Ⅰ-3-(8)印刷製本費（教室）"/>
      <sheetName val="支Ⅰ-3-(9)用具費（教室）"/>
      <sheetName val="支Ⅰ-3-(10)参加賞費（教室）"/>
      <sheetName val="支Ⅰ-3-(11)賃借料（有料施設）（教室）"/>
      <sheetName val="支Ⅰ-3-(11)賃借料（付属器具）（教室）"/>
      <sheetName val="支Ⅰ-3-(12)保険料（教室）"/>
      <sheetName val="支Ⅰ-3-(13)諸謝金（教室）"/>
      <sheetName val="支Ⅰ-3-(14)その他諸経費（教室）"/>
      <sheetName val="支Ⅰ-4-(1)役員手当（連盟）"/>
      <sheetName val="支Ⅰ-4-(2)貸金手当（連盟）"/>
      <sheetName val="支Ⅰ-4-(3)会議費（連盟）"/>
      <sheetName val="支Ⅰ-4-(4)旅費交通費（連盟）"/>
      <sheetName val="支Ⅰ-4-(5)通信運搬費（連盟）"/>
      <sheetName val="支Ⅰ-4-(6)消耗品費（連盟）"/>
      <sheetName val="支Ⅰ-4-(7)食料費（連盟）"/>
      <sheetName val="支Ⅰ-4-(8)修繕費（連盟）"/>
      <sheetName val="支Ⅰ-4-(9)印刷製本費（連盟）"/>
      <sheetName val="支Ⅰ-4-(10)賃借料（連盟）"/>
      <sheetName val="支Ⅰ-4-(11)保険料（連盟）"/>
      <sheetName val="支Ⅰ-4-(12)慶弔費（連盟）"/>
      <sheetName val="支Ⅰ-4-(13)諸謝金（連盟）"/>
      <sheetName val="支Ⅰ-4-(14)その他諸経費（連盟）"/>
      <sheetName val="支Ⅰ-5その他事業支出"/>
      <sheetName val="支Ⅰ-6積立金支出"/>
      <sheetName val="支Ⅰ-7借入金返済支出"/>
      <sheetName val="支Ⅰ-8予備費"/>
    </sheetNames>
    <sheetDataSet>
      <sheetData sheetId="0"/>
      <sheetData sheetId="1" refreshError="1"/>
      <sheetData sheetId="2"/>
      <sheetData sheetId="3">
        <row r="4">
          <cell r="E4" t="str">
            <v>科                 　目</v>
          </cell>
          <cell r="H4" t="str">
            <v>収 入 金 額</v>
          </cell>
          <cell r="I4" t="str">
            <v>支 払 金 額</v>
          </cell>
        </row>
        <row r="5">
          <cell r="E5" t="str">
            <v xml:space="preserve">  Ⅱ 前 期 繰 越 収 支 差 額</v>
          </cell>
          <cell r="H5">
            <v>30862</v>
          </cell>
        </row>
        <row r="6">
          <cell r="E6" t="str">
            <v>登録料</v>
          </cell>
          <cell r="H6">
            <v>180000</v>
          </cell>
        </row>
        <row r="7">
          <cell r="E7" t="str">
            <v>追加登録料</v>
          </cell>
          <cell r="H7">
            <v>21200</v>
          </cell>
        </row>
        <row r="8">
          <cell r="E8" t="str">
            <v>社会人大会（参加料）</v>
          </cell>
          <cell r="H8">
            <v>315000</v>
          </cell>
        </row>
        <row r="9">
          <cell r="E9" t="str">
            <v xml:space="preserve">    (３) 会 議 費（大会）</v>
          </cell>
          <cell r="I9">
            <v>8704</v>
          </cell>
        </row>
        <row r="10">
          <cell r="E10" t="str">
            <v xml:space="preserve">    (2) 地 区 関 係 費</v>
          </cell>
          <cell r="I10">
            <v>10000</v>
          </cell>
        </row>
        <row r="11">
          <cell r="E11" t="str">
            <v xml:space="preserve">    (５) 通 信 運 搬 費（連盟管理）</v>
          </cell>
          <cell r="I11">
            <v>1260</v>
          </cell>
        </row>
        <row r="12">
          <cell r="E12" t="str">
            <v>追加登録料</v>
          </cell>
          <cell r="H12">
            <v>1000</v>
          </cell>
        </row>
        <row r="13">
          <cell r="E13" t="str">
            <v>混合ダブルス大会（参加料）</v>
          </cell>
          <cell r="H13">
            <v>153000</v>
          </cell>
        </row>
        <row r="14">
          <cell r="E14" t="str">
            <v>社会人大会（役員手当）</v>
          </cell>
          <cell r="I14">
            <v>40000</v>
          </cell>
        </row>
        <row r="15">
          <cell r="E15" t="str">
            <v>社会人大会（食料費）</v>
          </cell>
          <cell r="I15">
            <v>17244</v>
          </cell>
        </row>
        <row r="16">
          <cell r="E16" t="str">
            <v xml:space="preserve">    (４) 旅 費 交 通 費（大会）</v>
          </cell>
          <cell r="I16">
            <v>3100</v>
          </cell>
        </row>
        <row r="17">
          <cell r="E17" t="str">
            <v xml:space="preserve">  ８．予 備 費</v>
          </cell>
          <cell r="I17">
            <v>11370</v>
          </cell>
        </row>
        <row r="18">
          <cell r="E18" t="str">
            <v>社会人大会（賞品費）</v>
          </cell>
          <cell r="I18">
            <v>147000</v>
          </cell>
        </row>
        <row r="19">
          <cell r="E19" t="str">
            <v xml:space="preserve">    (３) 会 議 費（大会）</v>
          </cell>
          <cell r="I19">
            <v>5648</v>
          </cell>
        </row>
        <row r="20">
          <cell r="E20" t="str">
            <v>追加登録料</v>
          </cell>
          <cell r="H20">
            <v>200</v>
          </cell>
        </row>
        <row r="21">
          <cell r="E21" t="str">
            <v xml:space="preserve">    (１２) 慶 弔 費（連盟管理）</v>
          </cell>
          <cell r="I21">
            <v>24700</v>
          </cell>
        </row>
        <row r="22">
          <cell r="E22" t="str">
            <v xml:space="preserve">    (1) 府 関 係 費</v>
          </cell>
          <cell r="I22">
            <v>60630</v>
          </cell>
        </row>
        <row r="23">
          <cell r="E23" t="str">
            <v>ジュニア大会（有料施設利用料）</v>
          </cell>
          <cell r="I23">
            <v>20000</v>
          </cell>
        </row>
        <row r="24">
          <cell r="E24" t="str">
            <v>ジュニア大会（付属器具利用料）</v>
          </cell>
          <cell r="I24">
            <v>1200</v>
          </cell>
        </row>
        <row r="25">
          <cell r="E25" t="str">
            <v>ジュニア教室（有料施設利用料）</v>
          </cell>
          <cell r="I25">
            <v>12000</v>
          </cell>
        </row>
        <row r="26">
          <cell r="E26" t="str">
            <v xml:space="preserve">    (４) 旅 費 交 通 費（大会）</v>
          </cell>
          <cell r="I26">
            <v>1100</v>
          </cell>
        </row>
        <row r="27">
          <cell r="E27" t="str">
            <v xml:space="preserve">    (５) 通 信 運 搬 費（連盟管理）</v>
          </cell>
          <cell r="I27">
            <v>1901</v>
          </cell>
        </row>
        <row r="28">
          <cell r="E28" t="str">
            <v xml:space="preserve">    (５) 通 信 運 搬 費（連盟管理）</v>
          </cell>
          <cell r="I28">
            <v>4200</v>
          </cell>
        </row>
        <row r="29">
          <cell r="E29" t="str">
            <v xml:space="preserve">    (４) 旅 費 交 通 費（大会）</v>
          </cell>
          <cell r="I29">
            <v>1800</v>
          </cell>
        </row>
        <row r="30">
          <cell r="E30" t="str">
            <v xml:space="preserve"> 雑収入（一般）</v>
          </cell>
          <cell r="H30">
            <v>1500</v>
          </cell>
        </row>
        <row r="31">
          <cell r="E31" t="str">
            <v xml:space="preserve">    (６) 消 耗 品 費（連盟管理）</v>
          </cell>
          <cell r="I31">
            <v>1550</v>
          </cell>
        </row>
        <row r="32">
          <cell r="E32" t="str">
            <v xml:space="preserve">    (６) 消 耗 品 費（連盟管理）</v>
          </cell>
          <cell r="I32">
            <v>1940</v>
          </cell>
        </row>
        <row r="33">
          <cell r="E33" t="str">
            <v xml:space="preserve">    (３) 会 議 費（連盟管理）</v>
          </cell>
          <cell r="I33">
            <v>22450</v>
          </cell>
        </row>
        <row r="34">
          <cell r="E34" t="str">
            <v xml:space="preserve">    (５) 通 信 運 搬 費（連盟管理）</v>
          </cell>
          <cell r="I34">
            <v>9040</v>
          </cell>
        </row>
        <row r="35">
          <cell r="E35" t="str">
            <v>新人戦大会（参加料）</v>
          </cell>
          <cell r="H35">
            <v>159000</v>
          </cell>
        </row>
        <row r="36">
          <cell r="E36" t="str">
            <v>追加登録料</v>
          </cell>
          <cell r="H36">
            <v>600</v>
          </cell>
        </row>
        <row r="37">
          <cell r="E37" t="str">
            <v xml:space="preserve">    (６) 消 耗 品 費（大会）</v>
          </cell>
          <cell r="I37">
            <v>124200</v>
          </cell>
        </row>
        <row r="38">
          <cell r="E38" t="str">
            <v xml:space="preserve">    (３) 会 議 費（連盟管理）</v>
          </cell>
          <cell r="I38">
            <v>7900</v>
          </cell>
        </row>
        <row r="39">
          <cell r="E39" t="str">
            <v xml:space="preserve">    (６) 消 耗 品 費（連盟管理）</v>
          </cell>
          <cell r="I39">
            <v>6310</v>
          </cell>
        </row>
        <row r="40">
          <cell r="E40" t="str">
            <v>社会人大会（有料施設利用料）</v>
          </cell>
          <cell r="I40">
            <v>36000</v>
          </cell>
        </row>
        <row r="41">
          <cell r="E41" t="str">
            <v>社会人大会（付属器具利用料）</v>
          </cell>
          <cell r="I41">
            <v>1600</v>
          </cell>
        </row>
        <row r="42">
          <cell r="E42" t="str">
            <v>一般教室（有料施設利用料）</v>
          </cell>
          <cell r="I42">
            <v>12000</v>
          </cell>
        </row>
        <row r="43">
          <cell r="E43" t="str">
            <v>ジュニア教室（有料施設利用料）</v>
          </cell>
          <cell r="I43">
            <v>14000</v>
          </cell>
        </row>
        <row r="44">
          <cell r="E44" t="str">
            <v xml:space="preserve">    (３) 会 議 費（大会）</v>
          </cell>
          <cell r="I44">
            <v>6709</v>
          </cell>
        </row>
        <row r="45">
          <cell r="E45" t="str">
            <v xml:space="preserve">    (５) 通 信 運 搬 費（連盟管理）</v>
          </cell>
          <cell r="I45">
            <v>1882</v>
          </cell>
        </row>
        <row r="46">
          <cell r="E46" t="str">
            <v xml:space="preserve">    (５) 通 信 運 搬 費（連盟管理）</v>
          </cell>
          <cell r="I46">
            <v>4200</v>
          </cell>
        </row>
        <row r="47">
          <cell r="E47" t="str">
            <v>混合ダブルス大会（役員手当）</v>
          </cell>
          <cell r="I47">
            <v>40000</v>
          </cell>
        </row>
        <row r="48">
          <cell r="E48" t="str">
            <v>混合ダブルス大会（食料費）</v>
          </cell>
          <cell r="I48">
            <v>11864</v>
          </cell>
        </row>
        <row r="49">
          <cell r="E49" t="str">
            <v xml:space="preserve">    (４) 旅 費 交 通 費（大会）</v>
          </cell>
          <cell r="I49">
            <v>2400</v>
          </cell>
        </row>
        <row r="50">
          <cell r="E50" t="str">
            <v xml:space="preserve">    (５) 通 信 運 搬 費（連盟管理）</v>
          </cell>
          <cell r="I50">
            <v>2940</v>
          </cell>
        </row>
        <row r="51">
          <cell r="E51" t="str">
            <v xml:space="preserve"> 雑収入（一般）</v>
          </cell>
          <cell r="H51">
            <v>5000</v>
          </cell>
        </row>
        <row r="52">
          <cell r="E52" t="str">
            <v xml:space="preserve">    (2) 地 区 関 係 費</v>
          </cell>
          <cell r="I52">
            <v>140284</v>
          </cell>
        </row>
        <row r="53">
          <cell r="E53" t="str">
            <v>　  (４) 積立金取崩収入</v>
          </cell>
          <cell r="H53">
            <v>100000</v>
          </cell>
        </row>
        <row r="54">
          <cell r="E54" t="str">
            <v>　  (４) 積立金取崩収入</v>
          </cell>
          <cell r="H54">
            <v>100000</v>
          </cell>
        </row>
        <row r="55">
          <cell r="E55" t="str">
            <v xml:space="preserve">    (５) 通 信 運 搬 費（連盟管理）</v>
          </cell>
          <cell r="I55">
            <v>5600</v>
          </cell>
        </row>
        <row r="56">
          <cell r="E56" t="str">
            <v xml:space="preserve">    (６) 消 耗 品 費（連盟管理）</v>
          </cell>
          <cell r="I56">
            <v>4268</v>
          </cell>
        </row>
        <row r="57">
          <cell r="E57" t="str">
            <v xml:space="preserve">    (2) 地 区 関 係 費</v>
          </cell>
          <cell r="I57">
            <v>1100</v>
          </cell>
        </row>
        <row r="58">
          <cell r="E58" t="str">
            <v>新人戦大会（役員手当）</v>
          </cell>
          <cell r="I58">
            <v>40000</v>
          </cell>
        </row>
        <row r="59">
          <cell r="E59" t="str">
            <v>新人戦大会（食料費）</v>
          </cell>
          <cell r="I59">
            <v>10838</v>
          </cell>
        </row>
        <row r="60">
          <cell r="E60" t="str">
            <v xml:space="preserve">    (４) 旅 費 交 通 費（大会）</v>
          </cell>
          <cell r="I60">
            <v>4900</v>
          </cell>
        </row>
        <row r="61">
          <cell r="E61" t="str">
            <v xml:space="preserve">    (６) 消 耗 品 費（連盟管理）</v>
          </cell>
          <cell r="I61">
            <v>2462</v>
          </cell>
        </row>
        <row r="62">
          <cell r="E62" t="str">
            <v xml:space="preserve"> 雑収入（一般）</v>
          </cell>
          <cell r="H62">
            <v>6000</v>
          </cell>
        </row>
        <row r="63">
          <cell r="E63" t="str">
            <v>混合ダブルス大会（有料施設利用料）</v>
          </cell>
          <cell r="I63">
            <v>20250</v>
          </cell>
        </row>
        <row r="64">
          <cell r="E64" t="str">
            <v>混合ダブルス大会（付属器具利用料）</v>
          </cell>
          <cell r="I64">
            <v>900</v>
          </cell>
        </row>
        <row r="65">
          <cell r="E65" t="str">
            <v>一般教室（有料施設利用料）</v>
          </cell>
          <cell r="I65">
            <v>7500</v>
          </cell>
        </row>
        <row r="66">
          <cell r="E66" t="str">
            <v>ジュニア教室（有料施設利用料）</v>
          </cell>
          <cell r="I66">
            <v>11500</v>
          </cell>
        </row>
        <row r="67">
          <cell r="E67" t="str">
            <v>　  (４) 積立金取崩収入</v>
          </cell>
          <cell r="H67">
            <v>200000</v>
          </cell>
        </row>
        <row r="68">
          <cell r="E68" t="str">
            <v>テニス教室（一般）（参加料）</v>
          </cell>
          <cell r="H68">
            <v>887000</v>
          </cell>
        </row>
        <row r="69">
          <cell r="E69" t="str">
            <v xml:space="preserve"> 雑収入（教室一般）</v>
          </cell>
          <cell r="H69">
            <v>237</v>
          </cell>
        </row>
        <row r="70">
          <cell r="E70" t="str">
            <v>一般教室（講師謝礼）</v>
          </cell>
          <cell r="I70">
            <v>821000</v>
          </cell>
        </row>
        <row r="71">
          <cell r="E71" t="str">
            <v>一般教室（消耗品費）</v>
          </cell>
          <cell r="I71">
            <v>3885</v>
          </cell>
        </row>
        <row r="72">
          <cell r="E72" t="str">
            <v xml:space="preserve">    (３) 会 議 費（教室）</v>
          </cell>
          <cell r="I72">
            <v>2900</v>
          </cell>
        </row>
        <row r="73">
          <cell r="E73" t="str">
            <v>一般教室（参加賞費）</v>
          </cell>
          <cell r="I73">
            <v>7875</v>
          </cell>
        </row>
        <row r="74">
          <cell r="E74" t="str">
            <v xml:space="preserve">    (2) 地 区 関 係 費</v>
          </cell>
          <cell r="I74">
            <v>78000</v>
          </cell>
        </row>
        <row r="75">
          <cell r="E75" t="str">
            <v>　  　  （府 三 総 体 担 当 収 入）</v>
          </cell>
          <cell r="H75">
            <v>35000</v>
          </cell>
        </row>
        <row r="76">
          <cell r="E76" t="str">
            <v xml:space="preserve">    (４) 三 島 地 区 ・ 総 体 費</v>
          </cell>
          <cell r="I76">
            <v>34000</v>
          </cell>
        </row>
        <row r="77">
          <cell r="E77" t="str">
            <v xml:space="preserve">    (４) 三 島 地 区 ・ 総 体 費</v>
          </cell>
          <cell r="I77">
            <v>5688</v>
          </cell>
        </row>
        <row r="78">
          <cell r="E78" t="str">
            <v xml:space="preserve">    (４) 三 島 地 区 ・ 総 体 費</v>
          </cell>
          <cell r="I78">
            <v>66000</v>
          </cell>
        </row>
        <row r="79">
          <cell r="E79" t="str">
            <v xml:space="preserve">    (４) 三 島 地 区 ・ 総 体 費</v>
          </cell>
          <cell r="I79">
            <v>13871</v>
          </cell>
        </row>
        <row r="80">
          <cell r="E80" t="str">
            <v xml:space="preserve">    (４) 三 島 地 区 ・ 総 体 費</v>
          </cell>
          <cell r="I80">
            <v>2500</v>
          </cell>
        </row>
        <row r="81">
          <cell r="E81" t="str">
            <v xml:space="preserve">    (４) 旅 費 交 通 費（大会）</v>
          </cell>
          <cell r="I81">
            <v>1400</v>
          </cell>
        </row>
        <row r="82">
          <cell r="E82" t="str">
            <v xml:space="preserve">    (１４) そ の 他 諸 経 費（連盟管理）</v>
          </cell>
          <cell r="I82">
            <v>10000</v>
          </cell>
        </row>
        <row r="83">
          <cell r="E83" t="str">
            <v>新人戦大会（有料施設利用料）</v>
          </cell>
          <cell r="I83">
            <v>25000</v>
          </cell>
        </row>
        <row r="84">
          <cell r="E84" t="str">
            <v>新人戦大会（付属器具利用料）</v>
          </cell>
          <cell r="I84">
            <v>1900</v>
          </cell>
        </row>
        <row r="85">
          <cell r="E85" t="str">
            <v>一般教室（有料施設利用料）</v>
          </cell>
          <cell r="I85">
            <v>10500</v>
          </cell>
        </row>
        <row r="86">
          <cell r="E86" t="str">
            <v>ジュニア教室（有料施設利用料）</v>
          </cell>
          <cell r="I86">
            <v>14000</v>
          </cell>
        </row>
        <row r="87">
          <cell r="E87" t="str">
            <v xml:space="preserve">    (６) 消 耗 品 費（連盟管理）</v>
          </cell>
          <cell r="I87">
            <v>714</v>
          </cell>
        </row>
        <row r="88">
          <cell r="E88" t="str">
            <v>登録料</v>
          </cell>
          <cell r="H88">
            <v>5000</v>
          </cell>
        </row>
        <row r="89">
          <cell r="E89" t="str">
            <v>追加登録料</v>
          </cell>
          <cell r="H89">
            <v>11000</v>
          </cell>
        </row>
        <row r="90">
          <cell r="E90" t="str">
            <v>加盟団体戦大会（参加料）</v>
          </cell>
          <cell r="H90">
            <v>324000</v>
          </cell>
        </row>
        <row r="91">
          <cell r="E91" t="str">
            <v>　  (１) 事 業 補 助 金 収 入</v>
          </cell>
          <cell r="H91">
            <v>575690</v>
          </cell>
        </row>
        <row r="92">
          <cell r="E92" t="str">
            <v xml:space="preserve">    (５) そ  の  他  上部団体費 </v>
          </cell>
          <cell r="I92">
            <v>140000</v>
          </cell>
        </row>
        <row r="93">
          <cell r="E93" t="str">
            <v>Jr.施設コート代</v>
          </cell>
          <cell r="I93">
            <v>22000</v>
          </cell>
        </row>
        <row r="94">
          <cell r="E94" t="str">
            <v>Jr.施設備品代</v>
          </cell>
          <cell r="I94">
            <v>1890</v>
          </cell>
        </row>
        <row r="95">
          <cell r="E95" t="str">
            <v>ジュニア教室（有料施設利用料）</v>
          </cell>
          <cell r="I95">
            <v>19250</v>
          </cell>
        </row>
        <row r="96">
          <cell r="E96" t="str">
            <v xml:space="preserve">  　(3) 受取利息収入</v>
          </cell>
          <cell r="H96">
            <v>21</v>
          </cell>
        </row>
        <row r="97">
          <cell r="E97" t="str">
            <v xml:space="preserve">    (３) 会 議 費（大会）</v>
          </cell>
          <cell r="I97">
            <v>5640</v>
          </cell>
        </row>
        <row r="98">
          <cell r="E98" t="str">
            <v>混合ダブルス大会（賞品費）</v>
          </cell>
          <cell r="I98">
            <v>16800</v>
          </cell>
        </row>
        <row r="99">
          <cell r="E99" t="str">
            <v xml:space="preserve">    (３) 大 阪 府 総 体 費</v>
          </cell>
          <cell r="I99">
            <v>63000</v>
          </cell>
        </row>
        <row r="100">
          <cell r="E100" t="str">
            <v xml:space="preserve">    (３) 大 阪 府 総 体 費</v>
          </cell>
          <cell r="I100">
            <v>24000</v>
          </cell>
        </row>
        <row r="101">
          <cell r="E101" t="str">
            <v xml:space="preserve">    (３) 大 阪 府 総 体 費</v>
          </cell>
          <cell r="I101">
            <v>11184</v>
          </cell>
        </row>
        <row r="102">
          <cell r="E102" t="str">
            <v xml:space="preserve">    (１１) 保 険 料（連盟管理）</v>
          </cell>
          <cell r="I102">
            <v>49701</v>
          </cell>
        </row>
        <row r="103">
          <cell r="E103" t="str">
            <v>加盟団体戦大会（賞品費）</v>
          </cell>
          <cell r="I103">
            <v>64344</v>
          </cell>
        </row>
        <row r="104">
          <cell r="E104" t="str">
            <v xml:space="preserve">    (６) 消 耗 品 費（大会）</v>
          </cell>
          <cell r="I104">
            <v>153600</v>
          </cell>
        </row>
        <row r="105">
          <cell r="E105" t="str">
            <v xml:space="preserve">    (５) 通 信 運 搬 費（連盟管理）</v>
          </cell>
          <cell r="I105">
            <v>3326</v>
          </cell>
        </row>
        <row r="106">
          <cell r="E106" t="str">
            <v>登録料</v>
          </cell>
          <cell r="H106">
            <v>10000</v>
          </cell>
        </row>
        <row r="107">
          <cell r="E107" t="str">
            <v>追加登録料</v>
          </cell>
          <cell r="H107">
            <v>7800</v>
          </cell>
        </row>
        <row r="108">
          <cell r="E108" t="str">
            <v>市長杯大会（参加料）</v>
          </cell>
          <cell r="H108">
            <v>441000</v>
          </cell>
        </row>
        <row r="109">
          <cell r="E109" t="str">
            <v>市長杯大会（参加料）</v>
          </cell>
          <cell r="H109">
            <v>4000</v>
          </cell>
        </row>
        <row r="110">
          <cell r="E110" t="str">
            <v>　  (４) 積立金取崩収入</v>
          </cell>
          <cell r="H110">
            <v>-400000</v>
          </cell>
        </row>
        <row r="111">
          <cell r="E111" t="str">
            <v xml:space="preserve"> 雑収入（一般）</v>
          </cell>
          <cell r="H111">
            <v>5000</v>
          </cell>
        </row>
        <row r="112">
          <cell r="E112" t="str">
            <v>加盟団体戦大会（役員手当）</v>
          </cell>
          <cell r="I112">
            <v>40000</v>
          </cell>
        </row>
        <row r="113">
          <cell r="E113" t="str">
            <v>加盟団体戦大会（食料費）</v>
          </cell>
          <cell r="I113">
            <v>15451</v>
          </cell>
        </row>
        <row r="114">
          <cell r="E114" t="str">
            <v xml:space="preserve">    (４) 旅 費 交 通 費（大会）</v>
          </cell>
          <cell r="I114">
            <v>8900</v>
          </cell>
        </row>
        <row r="115">
          <cell r="E115" t="str">
            <v>テニスの日（参加料）</v>
          </cell>
          <cell r="H115">
            <v>16000</v>
          </cell>
        </row>
        <row r="116">
          <cell r="E116" t="str">
            <v>テニスの日（役員手当）</v>
          </cell>
          <cell r="I116">
            <v>13000</v>
          </cell>
        </row>
        <row r="117">
          <cell r="E117" t="str">
            <v>テニスの日（食料費）</v>
          </cell>
          <cell r="I117">
            <v>6273</v>
          </cell>
        </row>
        <row r="118">
          <cell r="E118" t="str">
            <v xml:space="preserve">    (４) 旅 費 交 通 費（大会）</v>
          </cell>
          <cell r="I118">
            <v>1000</v>
          </cell>
        </row>
        <row r="119">
          <cell r="E119" t="str">
            <v xml:space="preserve">    (３) 会 議 費（大会）</v>
          </cell>
          <cell r="I119">
            <v>5668</v>
          </cell>
        </row>
        <row r="120">
          <cell r="E120" t="str">
            <v>ジュニアサテライト参加料</v>
          </cell>
          <cell r="H120">
            <v>378000</v>
          </cell>
        </row>
        <row r="121">
          <cell r="E121" t="str">
            <v>Jr.賞品代</v>
          </cell>
          <cell r="I121">
            <v>27342</v>
          </cell>
        </row>
        <row r="122">
          <cell r="E122" t="str">
            <v>Jr.賞品代</v>
          </cell>
          <cell r="I122">
            <v>2760</v>
          </cell>
        </row>
        <row r="123">
          <cell r="E123" t="str">
            <v>Jr.ボール代</v>
          </cell>
          <cell r="I123">
            <v>52920</v>
          </cell>
        </row>
        <row r="124">
          <cell r="E124" t="str">
            <v>Jr.役員手当</v>
          </cell>
          <cell r="I124">
            <v>76000</v>
          </cell>
        </row>
        <row r="125">
          <cell r="E125" t="str">
            <v>Jr.食料費</v>
          </cell>
          <cell r="I125">
            <v>26898</v>
          </cell>
        </row>
        <row r="126">
          <cell r="E126" t="str">
            <v>Jr.駐車料</v>
          </cell>
          <cell r="I126">
            <v>11200</v>
          </cell>
        </row>
        <row r="127">
          <cell r="E127" t="str">
            <v xml:space="preserve">    (５) 通 信 運 搬 費（連盟管理）</v>
          </cell>
          <cell r="I127">
            <v>3360</v>
          </cell>
        </row>
        <row r="128">
          <cell r="E128" t="str">
            <v xml:space="preserve">    (５) 通 信 運 搬 費（連盟管理）</v>
          </cell>
          <cell r="I128">
            <v>9830</v>
          </cell>
        </row>
        <row r="129">
          <cell r="E129" t="str">
            <v>市長杯大会（参加料）</v>
          </cell>
          <cell r="H129">
            <v>36000</v>
          </cell>
        </row>
        <row r="130">
          <cell r="E130" t="str">
            <v>体育の日（その他事業支出）</v>
          </cell>
          <cell r="I130">
            <v>39000</v>
          </cell>
        </row>
        <row r="131">
          <cell r="E131" t="str">
            <v>ジュニア教室（有料施設利用料）</v>
          </cell>
          <cell r="I131">
            <v>14000</v>
          </cell>
        </row>
        <row r="132">
          <cell r="E132" t="str">
            <v>ジュニア教室（有料施設利用料）</v>
          </cell>
          <cell r="I132">
            <v>13500</v>
          </cell>
        </row>
        <row r="133">
          <cell r="E133" t="str">
            <v>加盟団体戦大会（有料施設利用料）</v>
          </cell>
          <cell r="I133">
            <v>36000</v>
          </cell>
        </row>
        <row r="134">
          <cell r="E134" t="str">
            <v>加盟団体戦大会（付属器具利用料）</v>
          </cell>
          <cell r="I134">
            <v>3400</v>
          </cell>
        </row>
        <row r="135">
          <cell r="E135" t="str">
            <v>テニスの日（有料施設利用料）</v>
          </cell>
          <cell r="I135">
            <v>9000</v>
          </cell>
        </row>
        <row r="136">
          <cell r="E136" t="str">
            <v>Jr.施設コート代</v>
          </cell>
          <cell r="I136">
            <v>15750</v>
          </cell>
        </row>
        <row r="137">
          <cell r="E137" t="str">
            <v>Jr.施設備品代</v>
          </cell>
          <cell r="I137">
            <v>1440</v>
          </cell>
        </row>
        <row r="138">
          <cell r="E138" t="str">
            <v>ジュニア教室（有料施設利用料）</v>
          </cell>
          <cell r="I138">
            <v>13000</v>
          </cell>
        </row>
        <row r="139">
          <cell r="E139" t="str">
            <v>一般教室（有料施設利用料）</v>
          </cell>
          <cell r="I139">
            <v>10500</v>
          </cell>
        </row>
        <row r="140">
          <cell r="E140" t="str">
            <v xml:space="preserve">    (１２) 慶 弔 費（連盟管理）</v>
          </cell>
          <cell r="I140">
            <v>10500</v>
          </cell>
        </row>
        <row r="141">
          <cell r="E141" t="str">
            <v xml:space="preserve">    (2) 地 区 関 係 費</v>
          </cell>
          <cell r="I141">
            <v>15000</v>
          </cell>
        </row>
        <row r="142">
          <cell r="E142" t="str">
            <v xml:space="preserve">    (2) 地 区 関 係 費</v>
          </cell>
          <cell r="I142">
            <v>8000</v>
          </cell>
        </row>
        <row r="143">
          <cell r="E143" t="str">
            <v xml:space="preserve">    (2) 地 区 関 係 費</v>
          </cell>
          <cell r="I143">
            <v>33000</v>
          </cell>
        </row>
        <row r="144">
          <cell r="E144" t="str">
            <v xml:space="preserve">    (５) 通 信 運 搬 費（連盟管理）</v>
          </cell>
          <cell r="I144">
            <v>6833</v>
          </cell>
        </row>
        <row r="145">
          <cell r="E145" t="str">
            <v xml:space="preserve">    (1) 府 関 係 費</v>
          </cell>
          <cell r="I145">
            <v>25000</v>
          </cell>
        </row>
        <row r="146">
          <cell r="E146" t="str">
            <v xml:space="preserve">    (1) 府 関 係 費</v>
          </cell>
          <cell r="I146">
            <v>39000</v>
          </cell>
        </row>
        <row r="147">
          <cell r="E147" t="str">
            <v xml:space="preserve">    (1) 府 関 係 費</v>
          </cell>
          <cell r="I147">
            <v>12150</v>
          </cell>
        </row>
        <row r="148">
          <cell r="E148" t="str">
            <v xml:space="preserve">    (1) 府 関 係 費</v>
          </cell>
          <cell r="I148">
            <v>18000</v>
          </cell>
        </row>
        <row r="149">
          <cell r="E149" t="str">
            <v xml:space="preserve"> 雑収入（一般）</v>
          </cell>
          <cell r="H149">
            <v>3000</v>
          </cell>
        </row>
        <row r="150">
          <cell r="E150" t="str">
            <v>Jr.公認料</v>
          </cell>
          <cell r="I150">
            <v>20400</v>
          </cell>
        </row>
        <row r="151">
          <cell r="E151" t="str">
            <v>追加登録料</v>
          </cell>
          <cell r="H151">
            <v>5000</v>
          </cell>
        </row>
        <row r="152">
          <cell r="E152" t="str">
            <v>社会人シングルス大会（参加料）</v>
          </cell>
          <cell r="H152">
            <v>406000</v>
          </cell>
        </row>
        <row r="153">
          <cell r="E153" t="str">
            <v>市長杯大会（賞品費）</v>
          </cell>
          <cell r="I153">
            <v>192150</v>
          </cell>
        </row>
        <row r="154">
          <cell r="E154" t="str">
            <v xml:space="preserve">    (３) 会 議 費（大会）</v>
          </cell>
          <cell r="I154">
            <v>5556</v>
          </cell>
        </row>
        <row r="155">
          <cell r="E155" t="str">
            <v>市長杯大会（役員手当）</v>
          </cell>
          <cell r="I155">
            <v>80000</v>
          </cell>
        </row>
        <row r="156">
          <cell r="E156" t="str">
            <v>市長杯大会（食料費）</v>
          </cell>
          <cell r="I156">
            <v>25356</v>
          </cell>
        </row>
        <row r="157">
          <cell r="E157" t="str">
            <v xml:space="preserve">    (４) 旅 費 交 通 費（大会）</v>
          </cell>
          <cell r="I157">
            <v>10600</v>
          </cell>
        </row>
        <row r="158">
          <cell r="E158" t="str">
            <v>市長杯大会（有料施設利用料）</v>
          </cell>
          <cell r="I158">
            <v>26000</v>
          </cell>
        </row>
        <row r="159">
          <cell r="E159" t="str">
            <v>市長杯大会（付属器具利用料）</v>
          </cell>
          <cell r="I159">
            <v>2400</v>
          </cell>
        </row>
        <row r="160">
          <cell r="E160" t="str">
            <v>一般教室（有料施設利用料）</v>
          </cell>
          <cell r="I160">
            <v>13500</v>
          </cell>
        </row>
        <row r="161">
          <cell r="E161" t="str">
            <v>ジュニア教室（有料施設利用料）</v>
          </cell>
          <cell r="I161">
            <v>16000</v>
          </cell>
        </row>
        <row r="162">
          <cell r="E162" t="str">
            <v>ジュニアサテライト参加料</v>
          </cell>
          <cell r="H162">
            <v>2000</v>
          </cell>
        </row>
        <row r="163">
          <cell r="E163" t="str">
            <v>テニス教室（一般）（参加料）</v>
          </cell>
          <cell r="H163">
            <v>788000</v>
          </cell>
        </row>
        <row r="164">
          <cell r="E164" t="str">
            <v xml:space="preserve"> 雑収入（教室一般）</v>
          </cell>
          <cell r="H164">
            <v>76</v>
          </cell>
        </row>
        <row r="165">
          <cell r="E165" t="str">
            <v>一般教室（講師謝礼）</v>
          </cell>
          <cell r="I165">
            <v>803500</v>
          </cell>
        </row>
        <row r="166">
          <cell r="E166" t="str">
            <v xml:space="preserve">    (３) 会 議 費（教室）</v>
          </cell>
          <cell r="I166">
            <v>7500</v>
          </cell>
        </row>
        <row r="167">
          <cell r="E167" t="str">
            <v>一般教室（参加賞費）</v>
          </cell>
          <cell r="I167">
            <v>26750</v>
          </cell>
        </row>
        <row r="168">
          <cell r="E168" t="str">
            <v xml:space="preserve">    (４) 旅 費 交 通 費（大会）</v>
          </cell>
          <cell r="I168">
            <v>2500</v>
          </cell>
        </row>
        <row r="169">
          <cell r="E169" t="str">
            <v>社会人シングルス大会（賞品費）</v>
          </cell>
          <cell r="I169">
            <v>105210</v>
          </cell>
        </row>
        <row r="170">
          <cell r="E170" t="str">
            <v xml:space="preserve">    (５) 通 信 運 搬 費（連盟管理）</v>
          </cell>
          <cell r="I170">
            <v>6833</v>
          </cell>
        </row>
        <row r="171">
          <cell r="E171" t="str">
            <v xml:space="preserve">    (６) 消 耗 品 費（連盟管理）</v>
          </cell>
          <cell r="I171">
            <v>4440</v>
          </cell>
        </row>
        <row r="172">
          <cell r="E172" t="str">
            <v xml:space="preserve">    (１４) そ の 他 諸 経 費（連盟管理）</v>
          </cell>
          <cell r="I172">
            <v>35000</v>
          </cell>
        </row>
        <row r="173">
          <cell r="E173" t="str">
            <v xml:space="preserve"> 雑収入（一般）</v>
          </cell>
          <cell r="H173">
            <v>17500</v>
          </cell>
        </row>
        <row r="174">
          <cell r="E174" t="str">
            <v xml:space="preserve">    (６) 消 耗 品 費（連盟管理）</v>
          </cell>
          <cell r="I174">
            <v>1390</v>
          </cell>
        </row>
        <row r="175">
          <cell r="E175" t="str">
            <v>　  (１) 事 業 補 助 金 収 入</v>
          </cell>
          <cell r="H175">
            <v>570740</v>
          </cell>
        </row>
        <row r="176">
          <cell r="E176" t="str">
            <v>追加登録料</v>
          </cell>
          <cell r="H176">
            <v>4200</v>
          </cell>
        </row>
        <row r="177">
          <cell r="E177" t="str">
            <v>百歳・百二十歳ダブルス大会（参加料）</v>
          </cell>
          <cell r="H177">
            <v>165000</v>
          </cell>
        </row>
        <row r="178">
          <cell r="E178" t="str">
            <v xml:space="preserve">    (６) 消 耗 品 費（大会）</v>
          </cell>
          <cell r="I178">
            <v>237000</v>
          </cell>
        </row>
        <row r="179">
          <cell r="E179" t="str">
            <v xml:space="preserve">    (３) 会 議 費（大会）</v>
          </cell>
          <cell r="I179">
            <v>4258</v>
          </cell>
        </row>
        <row r="180">
          <cell r="E180" t="str">
            <v>市長杯大会（有料施設利用料）</v>
          </cell>
          <cell r="I180">
            <v>9500</v>
          </cell>
        </row>
        <row r="181">
          <cell r="E181" t="str">
            <v>市長杯大会（付属器具利用料）</v>
          </cell>
          <cell r="I181">
            <v>1020</v>
          </cell>
        </row>
        <row r="182">
          <cell r="E182" t="str">
            <v>社会人シングルス大会（有料施設利用料）</v>
          </cell>
          <cell r="I182">
            <v>16000</v>
          </cell>
        </row>
        <row r="183">
          <cell r="E183" t="str">
            <v>社会人シングルス大会（付属器具利用料）</v>
          </cell>
          <cell r="I183">
            <v>1400</v>
          </cell>
        </row>
        <row r="184">
          <cell r="E184" t="str">
            <v>一般教室（有料施設利用料）</v>
          </cell>
          <cell r="I184">
            <v>6000</v>
          </cell>
        </row>
        <row r="185">
          <cell r="E185" t="str">
            <v>ジュニア教室（有料施設利用料）</v>
          </cell>
          <cell r="I185">
            <v>14000</v>
          </cell>
        </row>
        <row r="186">
          <cell r="E186" t="str">
            <v>社会人シングルス大会（役員手当）</v>
          </cell>
          <cell r="I186">
            <v>80000</v>
          </cell>
        </row>
        <row r="187">
          <cell r="E187" t="str">
            <v>社会人シングルス大会（食料費）</v>
          </cell>
          <cell r="I187">
            <v>36350</v>
          </cell>
        </row>
        <row r="188">
          <cell r="E188" t="str">
            <v xml:space="preserve">    (４) 旅 費 交 通 費（大会）</v>
          </cell>
          <cell r="I188">
            <v>14300</v>
          </cell>
        </row>
        <row r="189">
          <cell r="E189" t="str">
            <v xml:space="preserve"> 雑収入（一般）</v>
          </cell>
          <cell r="H189">
            <v>6500</v>
          </cell>
        </row>
        <row r="190">
          <cell r="E190" t="str">
            <v>社会人シングルス大会（参加料）</v>
          </cell>
          <cell r="H190">
            <v>39000</v>
          </cell>
        </row>
        <row r="191">
          <cell r="E191" t="str">
            <v xml:space="preserve">    (６) 消 耗 品 費（連盟管理）</v>
          </cell>
          <cell r="I191">
            <v>1520</v>
          </cell>
        </row>
        <row r="192">
          <cell r="E192" t="str">
            <v xml:space="preserve">    (５) 通 信 運 搬 費（連盟管理）</v>
          </cell>
          <cell r="I192">
            <v>2970</v>
          </cell>
        </row>
        <row r="193">
          <cell r="E193" t="str">
            <v>追加登録料</v>
          </cell>
          <cell r="H193">
            <v>2200</v>
          </cell>
        </row>
        <row r="194">
          <cell r="E194" t="str">
            <v>ファミリー大会（参加料）</v>
          </cell>
          <cell r="H194">
            <v>162000</v>
          </cell>
        </row>
        <row r="195">
          <cell r="E195" t="str">
            <v>百歳・百二十歳ダブルス大会（賞品費）</v>
          </cell>
          <cell r="I195">
            <v>46200</v>
          </cell>
        </row>
        <row r="196">
          <cell r="E196" t="str">
            <v>百歳・百二十歳ダブルス大会（役員手当）</v>
          </cell>
          <cell r="I196">
            <v>40000</v>
          </cell>
        </row>
        <row r="197">
          <cell r="E197" t="str">
            <v>百歳・百二十歳ダブルス大会（食料費）</v>
          </cell>
          <cell r="I197">
            <v>12578</v>
          </cell>
        </row>
        <row r="198">
          <cell r="E198" t="str">
            <v xml:space="preserve">    (４) 旅 費 交 通 費（大会）</v>
          </cell>
          <cell r="I198">
            <v>4900</v>
          </cell>
        </row>
        <row r="199">
          <cell r="E199" t="str">
            <v>高校生団体戦大会（参加料）</v>
          </cell>
          <cell r="H199">
            <v>105000</v>
          </cell>
        </row>
        <row r="200">
          <cell r="E200" t="str">
            <v>高校生団体戦大会（役員手当）</v>
          </cell>
          <cell r="I200">
            <v>24000</v>
          </cell>
        </row>
        <row r="201">
          <cell r="E201" t="str">
            <v>社会人シングルス大会（有料施設利用料）</v>
          </cell>
          <cell r="I201">
            <v>42000</v>
          </cell>
        </row>
        <row r="202">
          <cell r="E202" t="str">
            <v>社会人シングルス大会（付属器具利用料）</v>
          </cell>
          <cell r="I202">
            <v>3400</v>
          </cell>
        </row>
        <row r="203">
          <cell r="E203" t="str">
            <v>ジュニア教室（有料施設利用料）</v>
          </cell>
          <cell r="I203">
            <v>13000</v>
          </cell>
        </row>
        <row r="204">
          <cell r="E204" t="str">
            <v xml:space="preserve">    (６) 消 耗 品 費（連盟管理）</v>
          </cell>
          <cell r="I204">
            <v>990</v>
          </cell>
        </row>
        <row r="205">
          <cell r="E205" t="str">
            <v xml:space="preserve">    (５) 通 信 運 搬 費（連盟管理）</v>
          </cell>
          <cell r="I205">
            <v>6833</v>
          </cell>
        </row>
        <row r="206">
          <cell r="E206" t="str">
            <v xml:space="preserve">    (３) 会 議 費（大会）</v>
          </cell>
          <cell r="I206">
            <v>3148</v>
          </cell>
        </row>
        <row r="207">
          <cell r="E207" t="str">
            <v xml:space="preserve">    (３) 会 議 費（連盟管理）</v>
          </cell>
          <cell r="I207">
            <v>27500</v>
          </cell>
        </row>
        <row r="208">
          <cell r="E208" t="str">
            <v>ハーフマラソン大会（その他事業支出）</v>
          </cell>
          <cell r="I208">
            <v>16258</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社会人表紙"/>
      <sheetName val="混合表紙"/>
      <sheetName val="新人表紙"/>
      <sheetName val="ｽｺｱｶｰﾄﾞ１"/>
      <sheetName val="団体表紙"/>
      <sheetName val="市長杯表紙"/>
      <sheetName val="ｼﾝｸﾞﾙ表紙"/>
      <sheetName val="100歳表紙"/>
      <sheetName val="ﾌｧﾐﾘｰ表紙"/>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菌種選択"/>
      <sheetName val="MBC菌種選択 (H.influenzae)"/>
      <sheetName val="MBC菌種選択 (S.pnuemoniae) "/>
      <sheetName val="菌株分類(H.influenzae)"/>
      <sheetName val="菌株分類 (S.pneumoniae)"/>
      <sheetName val="ｱｯｾｲｼ-ﾄ  (2)"/>
      <sheetName val="ｱｯｾｲｼ-ﾄ "/>
      <sheetName val="実験記録"/>
      <sheetName val="培地作製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Ｈ31年度行事計画予定表 "/>
      <sheetName val="市長杯要項"/>
      <sheetName val="市長杯三島案内"/>
      <sheetName val="市長杯申込書 "/>
      <sheetName val="ﾃﾆｽの日要項"/>
      <sheetName val="ｼﾞｭﾆｱ教室 (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ﾔｸｻﾞｲﾊｶﾘ (2)"/>
      <sheetName val="菌数計算(広域2)"/>
      <sheetName val="菌数計算(広域1)"/>
      <sheetName val="ｱｯｾｲｼ-ﾄ (Broth) "/>
      <sheetName val="ps_bact"/>
      <sheetName val="P03_data"/>
      <sheetName val="P02_data"/>
      <sheetName val="ps_data"/>
      <sheetName val="ｸﾞﾗﾌ"/>
    </sheetNames>
    <sheetDataSet>
      <sheetData sheetId="0"/>
      <sheetData sheetId="1"/>
      <sheetData sheetId="2"/>
      <sheetData sheetId="3"/>
      <sheetData sheetId="4"/>
      <sheetData sheetId="5"/>
      <sheetData sheetId="6"/>
      <sheetData sheetId="7"/>
      <sheetData sheetId="8"/>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Ｄ表彰状"/>
      <sheetName val="新人表紙"/>
      <sheetName val="H23 男子新人-L "/>
      <sheetName val="H23 男子新人-決勝"/>
      <sheetName val="H23 女子新人-L "/>
    </sheetNames>
    <sheetDataSet>
      <sheetData sheetId="0"/>
      <sheetData sheetId="1" refreshError="1"/>
      <sheetData sheetId="2" refreshError="1"/>
      <sheetData sheetId="3" refreshError="1"/>
      <sheetData sheetId="4"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H23 社会人女子一般"/>
      <sheetName val="Ｗ３２－２"/>
      <sheetName val="Ｓ３２－１"/>
      <sheetName val="Ｓ３２－２ "/>
      <sheetName val="団体戦"/>
      <sheetName val="24L4X4X4X4X4X4"/>
      <sheetName val="20L4X4X4X4X4 "/>
      <sheetName val="18L3X3X3X3X3X3"/>
      <sheetName val="15L3X3X3X3X3"/>
      <sheetName val="24L3X8"/>
      <sheetName val="28L3X4X3X4X4X3X4X3"/>
      <sheetName val="32抽選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Ｄ表彰状"/>
      <sheetName val="新人表紙"/>
      <sheetName val="H23 男子新人-L "/>
      <sheetName val="H23 男子新人-決勝"/>
      <sheetName val="H23 女子新人-L "/>
    </sheetNames>
    <sheetDataSet>
      <sheetData sheetId="0"/>
      <sheetData sheetId="1" refreshError="1"/>
      <sheetData sheetId="2" refreshError="1"/>
      <sheetData sheetId="3" refreshError="1"/>
      <sheetData sheetId="4"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種目"/>
      <sheetName val="受付表"/>
      <sheetName val="Ｗ１６"/>
      <sheetName val="Ｓ１６"/>
      <sheetName val="L5X5 N"/>
      <sheetName val="L5X4 N "/>
      <sheetName val="L5X5X5 N"/>
      <sheetName val="L5X5X4 N"/>
      <sheetName val="L5X4X4 N "/>
      <sheetName val="L4X4X4 N "/>
      <sheetName val="L4X4X3 N "/>
      <sheetName val="L4X3X3 N  "/>
      <sheetName val="L3X3X3 N "/>
      <sheetName val="16抽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社会人表紙"/>
      <sheetName val="混合表紙"/>
      <sheetName val="新人表紙"/>
      <sheetName val="団体表紙"/>
      <sheetName val="市長杯表紙"/>
      <sheetName val="ｼﾝｸﾞﾙ表紙"/>
      <sheetName val="100歳表紙"/>
      <sheetName val="ﾌｧﾐﾘｰ表紙"/>
    </sheetNames>
    <sheetDataSet>
      <sheetData sheetId="0"/>
      <sheetData sheetId="1"/>
      <sheetData sheetId="2"/>
      <sheetData sheetId="3"/>
      <sheetData sheetId="4"/>
      <sheetData sheetId="5"/>
      <sheetData sheetId="6"/>
      <sheetData sheetId="7"/>
      <sheetData sheetId="8"/>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299E66-9AAA-435B-8592-44B87A856663}">
  <sheetPr>
    <pageSetUpPr fitToPage="1"/>
  </sheetPr>
  <dimension ref="B2:I47"/>
  <sheetViews>
    <sheetView tabSelected="1" topLeftCell="A10" workbookViewId="0">
      <selection activeCell="G13" sqref="G13"/>
    </sheetView>
  </sheetViews>
  <sheetFormatPr defaultColWidth="8.875" defaultRowHeight="13.5"/>
  <cols>
    <col min="1" max="1" width="3.625" style="3" customWidth="1"/>
    <col min="2" max="2" width="8.875" style="3"/>
    <col min="3" max="3" width="9" style="3" customWidth="1"/>
    <col min="4" max="4" width="9.5" style="3" customWidth="1"/>
    <col min="5" max="5" width="27.125" style="3" customWidth="1"/>
    <col min="6" max="6" width="10.75" style="3" customWidth="1"/>
    <col min="7" max="7" width="14.125" style="3" customWidth="1"/>
    <col min="8" max="8" width="16.75" style="3" customWidth="1"/>
    <col min="9" max="9" width="3.75" style="3" customWidth="1"/>
    <col min="10" max="256" width="8.875" style="3"/>
    <col min="257" max="257" width="3.625" style="3" customWidth="1"/>
    <col min="258" max="258" width="8.875" style="3"/>
    <col min="259" max="259" width="9" style="3" customWidth="1"/>
    <col min="260" max="260" width="9.5" style="3" customWidth="1"/>
    <col min="261" max="261" width="27.125" style="3" customWidth="1"/>
    <col min="262" max="262" width="10.75" style="3" customWidth="1"/>
    <col min="263" max="263" width="14.125" style="3" customWidth="1"/>
    <col min="264" max="264" width="16.75" style="3" customWidth="1"/>
    <col min="265" max="265" width="3.75" style="3" customWidth="1"/>
    <col min="266" max="512" width="8.875" style="3"/>
    <col min="513" max="513" width="3.625" style="3" customWidth="1"/>
    <col min="514" max="514" width="8.875" style="3"/>
    <col min="515" max="515" width="9" style="3" customWidth="1"/>
    <col min="516" max="516" width="9.5" style="3" customWidth="1"/>
    <col min="517" max="517" width="27.125" style="3" customWidth="1"/>
    <col min="518" max="518" width="10.75" style="3" customWidth="1"/>
    <col min="519" max="519" width="14.125" style="3" customWidth="1"/>
    <col min="520" max="520" width="16.75" style="3" customWidth="1"/>
    <col min="521" max="521" width="3.75" style="3" customWidth="1"/>
    <col min="522" max="768" width="8.875" style="3"/>
    <col min="769" max="769" width="3.625" style="3" customWidth="1"/>
    <col min="770" max="770" width="8.875" style="3"/>
    <col min="771" max="771" width="9" style="3" customWidth="1"/>
    <col min="772" max="772" width="9.5" style="3" customWidth="1"/>
    <col min="773" max="773" width="27.125" style="3" customWidth="1"/>
    <col min="774" max="774" width="10.75" style="3" customWidth="1"/>
    <col min="775" max="775" width="14.125" style="3" customWidth="1"/>
    <col min="776" max="776" width="16.75" style="3" customWidth="1"/>
    <col min="777" max="777" width="3.75" style="3" customWidth="1"/>
    <col min="778" max="1024" width="8.875" style="3"/>
    <col min="1025" max="1025" width="3.625" style="3" customWidth="1"/>
    <col min="1026" max="1026" width="8.875" style="3"/>
    <col min="1027" max="1027" width="9" style="3" customWidth="1"/>
    <col min="1028" max="1028" width="9.5" style="3" customWidth="1"/>
    <col min="1029" max="1029" width="27.125" style="3" customWidth="1"/>
    <col min="1030" max="1030" width="10.75" style="3" customWidth="1"/>
    <col min="1031" max="1031" width="14.125" style="3" customWidth="1"/>
    <col min="1032" max="1032" width="16.75" style="3" customWidth="1"/>
    <col min="1033" max="1033" width="3.75" style="3" customWidth="1"/>
    <col min="1034" max="1280" width="8.875" style="3"/>
    <col min="1281" max="1281" width="3.625" style="3" customWidth="1"/>
    <col min="1282" max="1282" width="8.875" style="3"/>
    <col min="1283" max="1283" width="9" style="3" customWidth="1"/>
    <col min="1284" max="1284" width="9.5" style="3" customWidth="1"/>
    <col min="1285" max="1285" width="27.125" style="3" customWidth="1"/>
    <col min="1286" max="1286" width="10.75" style="3" customWidth="1"/>
    <col min="1287" max="1287" width="14.125" style="3" customWidth="1"/>
    <col min="1288" max="1288" width="16.75" style="3" customWidth="1"/>
    <col min="1289" max="1289" width="3.75" style="3" customWidth="1"/>
    <col min="1290" max="1536" width="8.875" style="3"/>
    <col min="1537" max="1537" width="3.625" style="3" customWidth="1"/>
    <col min="1538" max="1538" width="8.875" style="3"/>
    <col min="1539" max="1539" width="9" style="3" customWidth="1"/>
    <col min="1540" max="1540" width="9.5" style="3" customWidth="1"/>
    <col min="1541" max="1541" width="27.125" style="3" customWidth="1"/>
    <col min="1542" max="1542" width="10.75" style="3" customWidth="1"/>
    <col min="1543" max="1543" width="14.125" style="3" customWidth="1"/>
    <col min="1544" max="1544" width="16.75" style="3" customWidth="1"/>
    <col min="1545" max="1545" width="3.75" style="3" customWidth="1"/>
    <col min="1546" max="1792" width="8.875" style="3"/>
    <col min="1793" max="1793" width="3.625" style="3" customWidth="1"/>
    <col min="1794" max="1794" width="8.875" style="3"/>
    <col min="1795" max="1795" width="9" style="3" customWidth="1"/>
    <col min="1796" max="1796" width="9.5" style="3" customWidth="1"/>
    <col min="1797" max="1797" width="27.125" style="3" customWidth="1"/>
    <col min="1798" max="1798" width="10.75" style="3" customWidth="1"/>
    <col min="1799" max="1799" width="14.125" style="3" customWidth="1"/>
    <col min="1800" max="1800" width="16.75" style="3" customWidth="1"/>
    <col min="1801" max="1801" width="3.75" style="3" customWidth="1"/>
    <col min="1802" max="2048" width="8.875" style="3"/>
    <col min="2049" max="2049" width="3.625" style="3" customWidth="1"/>
    <col min="2050" max="2050" width="8.875" style="3"/>
    <col min="2051" max="2051" width="9" style="3" customWidth="1"/>
    <col min="2052" max="2052" width="9.5" style="3" customWidth="1"/>
    <col min="2053" max="2053" width="27.125" style="3" customWidth="1"/>
    <col min="2054" max="2054" width="10.75" style="3" customWidth="1"/>
    <col min="2055" max="2055" width="14.125" style="3" customWidth="1"/>
    <col min="2056" max="2056" width="16.75" style="3" customWidth="1"/>
    <col min="2057" max="2057" width="3.75" style="3" customWidth="1"/>
    <col min="2058" max="2304" width="8.875" style="3"/>
    <col min="2305" max="2305" width="3.625" style="3" customWidth="1"/>
    <col min="2306" max="2306" width="8.875" style="3"/>
    <col min="2307" max="2307" width="9" style="3" customWidth="1"/>
    <col min="2308" max="2308" width="9.5" style="3" customWidth="1"/>
    <col min="2309" max="2309" width="27.125" style="3" customWidth="1"/>
    <col min="2310" max="2310" width="10.75" style="3" customWidth="1"/>
    <col min="2311" max="2311" width="14.125" style="3" customWidth="1"/>
    <col min="2312" max="2312" width="16.75" style="3" customWidth="1"/>
    <col min="2313" max="2313" width="3.75" style="3" customWidth="1"/>
    <col min="2314" max="2560" width="8.875" style="3"/>
    <col min="2561" max="2561" width="3.625" style="3" customWidth="1"/>
    <col min="2562" max="2562" width="8.875" style="3"/>
    <col min="2563" max="2563" width="9" style="3" customWidth="1"/>
    <col min="2564" max="2564" width="9.5" style="3" customWidth="1"/>
    <col min="2565" max="2565" width="27.125" style="3" customWidth="1"/>
    <col min="2566" max="2566" width="10.75" style="3" customWidth="1"/>
    <col min="2567" max="2567" width="14.125" style="3" customWidth="1"/>
    <col min="2568" max="2568" width="16.75" style="3" customWidth="1"/>
    <col min="2569" max="2569" width="3.75" style="3" customWidth="1"/>
    <col min="2570" max="2816" width="8.875" style="3"/>
    <col min="2817" max="2817" width="3.625" style="3" customWidth="1"/>
    <col min="2818" max="2818" width="8.875" style="3"/>
    <col min="2819" max="2819" width="9" style="3" customWidth="1"/>
    <col min="2820" max="2820" width="9.5" style="3" customWidth="1"/>
    <col min="2821" max="2821" width="27.125" style="3" customWidth="1"/>
    <col min="2822" max="2822" width="10.75" style="3" customWidth="1"/>
    <col min="2823" max="2823" width="14.125" style="3" customWidth="1"/>
    <col min="2824" max="2824" width="16.75" style="3" customWidth="1"/>
    <col min="2825" max="2825" width="3.75" style="3" customWidth="1"/>
    <col min="2826" max="3072" width="8.875" style="3"/>
    <col min="3073" max="3073" width="3.625" style="3" customWidth="1"/>
    <col min="3074" max="3074" width="8.875" style="3"/>
    <col min="3075" max="3075" width="9" style="3" customWidth="1"/>
    <col min="3076" max="3076" width="9.5" style="3" customWidth="1"/>
    <col min="3077" max="3077" width="27.125" style="3" customWidth="1"/>
    <col min="3078" max="3078" width="10.75" style="3" customWidth="1"/>
    <col min="3079" max="3079" width="14.125" style="3" customWidth="1"/>
    <col min="3080" max="3080" width="16.75" style="3" customWidth="1"/>
    <col min="3081" max="3081" width="3.75" style="3" customWidth="1"/>
    <col min="3082" max="3328" width="8.875" style="3"/>
    <col min="3329" max="3329" width="3.625" style="3" customWidth="1"/>
    <col min="3330" max="3330" width="8.875" style="3"/>
    <col min="3331" max="3331" width="9" style="3" customWidth="1"/>
    <col min="3332" max="3332" width="9.5" style="3" customWidth="1"/>
    <col min="3333" max="3333" width="27.125" style="3" customWidth="1"/>
    <col min="3334" max="3334" width="10.75" style="3" customWidth="1"/>
    <col min="3335" max="3335" width="14.125" style="3" customWidth="1"/>
    <col min="3336" max="3336" width="16.75" style="3" customWidth="1"/>
    <col min="3337" max="3337" width="3.75" style="3" customWidth="1"/>
    <col min="3338" max="3584" width="8.875" style="3"/>
    <col min="3585" max="3585" width="3.625" style="3" customWidth="1"/>
    <col min="3586" max="3586" width="8.875" style="3"/>
    <col min="3587" max="3587" width="9" style="3" customWidth="1"/>
    <col min="3588" max="3588" width="9.5" style="3" customWidth="1"/>
    <col min="3589" max="3589" width="27.125" style="3" customWidth="1"/>
    <col min="3590" max="3590" width="10.75" style="3" customWidth="1"/>
    <col min="3591" max="3591" width="14.125" style="3" customWidth="1"/>
    <col min="3592" max="3592" width="16.75" style="3" customWidth="1"/>
    <col min="3593" max="3593" width="3.75" style="3" customWidth="1"/>
    <col min="3594" max="3840" width="8.875" style="3"/>
    <col min="3841" max="3841" width="3.625" style="3" customWidth="1"/>
    <col min="3842" max="3842" width="8.875" style="3"/>
    <col min="3843" max="3843" width="9" style="3" customWidth="1"/>
    <col min="3844" max="3844" width="9.5" style="3" customWidth="1"/>
    <col min="3845" max="3845" width="27.125" style="3" customWidth="1"/>
    <col min="3846" max="3846" width="10.75" style="3" customWidth="1"/>
    <col min="3847" max="3847" width="14.125" style="3" customWidth="1"/>
    <col min="3848" max="3848" width="16.75" style="3" customWidth="1"/>
    <col min="3849" max="3849" width="3.75" style="3" customWidth="1"/>
    <col min="3850" max="4096" width="8.875" style="3"/>
    <col min="4097" max="4097" width="3.625" style="3" customWidth="1"/>
    <col min="4098" max="4098" width="8.875" style="3"/>
    <col min="4099" max="4099" width="9" style="3" customWidth="1"/>
    <col min="4100" max="4100" width="9.5" style="3" customWidth="1"/>
    <col min="4101" max="4101" width="27.125" style="3" customWidth="1"/>
    <col min="4102" max="4102" width="10.75" style="3" customWidth="1"/>
    <col min="4103" max="4103" width="14.125" style="3" customWidth="1"/>
    <col min="4104" max="4104" width="16.75" style="3" customWidth="1"/>
    <col min="4105" max="4105" width="3.75" style="3" customWidth="1"/>
    <col min="4106" max="4352" width="8.875" style="3"/>
    <col min="4353" max="4353" width="3.625" style="3" customWidth="1"/>
    <col min="4354" max="4354" width="8.875" style="3"/>
    <col min="4355" max="4355" width="9" style="3" customWidth="1"/>
    <col min="4356" max="4356" width="9.5" style="3" customWidth="1"/>
    <col min="4357" max="4357" width="27.125" style="3" customWidth="1"/>
    <col min="4358" max="4358" width="10.75" style="3" customWidth="1"/>
    <col min="4359" max="4359" width="14.125" style="3" customWidth="1"/>
    <col min="4360" max="4360" width="16.75" style="3" customWidth="1"/>
    <col min="4361" max="4361" width="3.75" style="3" customWidth="1"/>
    <col min="4362" max="4608" width="8.875" style="3"/>
    <col min="4609" max="4609" width="3.625" style="3" customWidth="1"/>
    <col min="4610" max="4610" width="8.875" style="3"/>
    <col min="4611" max="4611" width="9" style="3" customWidth="1"/>
    <col min="4612" max="4612" width="9.5" style="3" customWidth="1"/>
    <col min="4613" max="4613" width="27.125" style="3" customWidth="1"/>
    <col min="4614" max="4614" width="10.75" style="3" customWidth="1"/>
    <col min="4615" max="4615" width="14.125" style="3" customWidth="1"/>
    <col min="4616" max="4616" width="16.75" style="3" customWidth="1"/>
    <col min="4617" max="4617" width="3.75" style="3" customWidth="1"/>
    <col min="4618" max="4864" width="8.875" style="3"/>
    <col min="4865" max="4865" width="3.625" style="3" customWidth="1"/>
    <col min="4866" max="4866" width="8.875" style="3"/>
    <col min="4867" max="4867" width="9" style="3" customWidth="1"/>
    <col min="4868" max="4868" width="9.5" style="3" customWidth="1"/>
    <col min="4869" max="4869" width="27.125" style="3" customWidth="1"/>
    <col min="4870" max="4870" width="10.75" style="3" customWidth="1"/>
    <col min="4871" max="4871" width="14.125" style="3" customWidth="1"/>
    <col min="4872" max="4872" width="16.75" style="3" customWidth="1"/>
    <col min="4873" max="4873" width="3.75" style="3" customWidth="1"/>
    <col min="4874" max="5120" width="8.875" style="3"/>
    <col min="5121" max="5121" width="3.625" style="3" customWidth="1"/>
    <col min="5122" max="5122" width="8.875" style="3"/>
    <col min="5123" max="5123" width="9" style="3" customWidth="1"/>
    <col min="5124" max="5124" width="9.5" style="3" customWidth="1"/>
    <col min="5125" max="5125" width="27.125" style="3" customWidth="1"/>
    <col min="5126" max="5126" width="10.75" style="3" customWidth="1"/>
    <col min="5127" max="5127" width="14.125" style="3" customWidth="1"/>
    <col min="5128" max="5128" width="16.75" style="3" customWidth="1"/>
    <col min="5129" max="5129" width="3.75" style="3" customWidth="1"/>
    <col min="5130" max="5376" width="8.875" style="3"/>
    <col min="5377" max="5377" width="3.625" style="3" customWidth="1"/>
    <col min="5378" max="5378" width="8.875" style="3"/>
    <col min="5379" max="5379" width="9" style="3" customWidth="1"/>
    <col min="5380" max="5380" width="9.5" style="3" customWidth="1"/>
    <col min="5381" max="5381" width="27.125" style="3" customWidth="1"/>
    <col min="5382" max="5382" width="10.75" style="3" customWidth="1"/>
    <col min="5383" max="5383" width="14.125" style="3" customWidth="1"/>
    <col min="5384" max="5384" width="16.75" style="3" customWidth="1"/>
    <col min="5385" max="5385" width="3.75" style="3" customWidth="1"/>
    <col min="5386" max="5632" width="8.875" style="3"/>
    <col min="5633" max="5633" width="3.625" style="3" customWidth="1"/>
    <col min="5634" max="5634" width="8.875" style="3"/>
    <col min="5635" max="5635" width="9" style="3" customWidth="1"/>
    <col min="5636" max="5636" width="9.5" style="3" customWidth="1"/>
    <col min="5637" max="5637" width="27.125" style="3" customWidth="1"/>
    <col min="5638" max="5638" width="10.75" style="3" customWidth="1"/>
    <col min="5639" max="5639" width="14.125" style="3" customWidth="1"/>
    <col min="5640" max="5640" width="16.75" style="3" customWidth="1"/>
    <col min="5641" max="5641" width="3.75" style="3" customWidth="1"/>
    <col min="5642" max="5888" width="8.875" style="3"/>
    <col min="5889" max="5889" width="3.625" style="3" customWidth="1"/>
    <col min="5890" max="5890" width="8.875" style="3"/>
    <col min="5891" max="5891" width="9" style="3" customWidth="1"/>
    <col min="5892" max="5892" width="9.5" style="3" customWidth="1"/>
    <col min="5893" max="5893" width="27.125" style="3" customWidth="1"/>
    <col min="5894" max="5894" width="10.75" style="3" customWidth="1"/>
    <col min="5895" max="5895" width="14.125" style="3" customWidth="1"/>
    <col min="5896" max="5896" width="16.75" style="3" customWidth="1"/>
    <col min="5897" max="5897" width="3.75" style="3" customWidth="1"/>
    <col min="5898" max="6144" width="8.875" style="3"/>
    <col min="6145" max="6145" width="3.625" style="3" customWidth="1"/>
    <col min="6146" max="6146" width="8.875" style="3"/>
    <col min="6147" max="6147" width="9" style="3" customWidth="1"/>
    <col min="6148" max="6148" width="9.5" style="3" customWidth="1"/>
    <col min="6149" max="6149" width="27.125" style="3" customWidth="1"/>
    <col min="6150" max="6150" width="10.75" style="3" customWidth="1"/>
    <col min="6151" max="6151" width="14.125" style="3" customWidth="1"/>
    <col min="6152" max="6152" width="16.75" style="3" customWidth="1"/>
    <col min="6153" max="6153" width="3.75" style="3" customWidth="1"/>
    <col min="6154" max="6400" width="8.875" style="3"/>
    <col min="6401" max="6401" width="3.625" style="3" customWidth="1"/>
    <col min="6402" max="6402" width="8.875" style="3"/>
    <col min="6403" max="6403" width="9" style="3" customWidth="1"/>
    <col min="6404" max="6404" width="9.5" style="3" customWidth="1"/>
    <col min="6405" max="6405" width="27.125" style="3" customWidth="1"/>
    <col min="6406" max="6406" width="10.75" style="3" customWidth="1"/>
    <col min="6407" max="6407" width="14.125" style="3" customWidth="1"/>
    <col min="6408" max="6408" width="16.75" style="3" customWidth="1"/>
    <col min="6409" max="6409" width="3.75" style="3" customWidth="1"/>
    <col min="6410" max="6656" width="8.875" style="3"/>
    <col min="6657" max="6657" width="3.625" style="3" customWidth="1"/>
    <col min="6658" max="6658" width="8.875" style="3"/>
    <col min="6659" max="6659" width="9" style="3" customWidth="1"/>
    <col min="6660" max="6660" width="9.5" style="3" customWidth="1"/>
    <col min="6661" max="6661" width="27.125" style="3" customWidth="1"/>
    <col min="6662" max="6662" width="10.75" style="3" customWidth="1"/>
    <col min="6663" max="6663" width="14.125" style="3" customWidth="1"/>
    <col min="6664" max="6664" width="16.75" style="3" customWidth="1"/>
    <col min="6665" max="6665" width="3.75" style="3" customWidth="1"/>
    <col min="6666" max="6912" width="8.875" style="3"/>
    <col min="6913" max="6913" width="3.625" style="3" customWidth="1"/>
    <col min="6914" max="6914" width="8.875" style="3"/>
    <col min="6915" max="6915" width="9" style="3" customWidth="1"/>
    <col min="6916" max="6916" width="9.5" style="3" customWidth="1"/>
    <col min="6917" max="6917" width="27.125" style="3" customWidth="1"/>
    <col min="6918" max="6918" width="10.75" style="3" customWidth="1"/>
    <col min="6919" max="6919" width="14.125" style="3" customWidth="1"/>
    <col min="6920" max="6920" width="16.75" style="3" customWidth="1"/>
    <col min="6921" max="6921" width="3.75" style="3" customWidth="1"/>
    <col min="6922" max="7168" width="8.875" style="3"/>
    <col min="7169" max="7169" width="3.625" style="3" customWidth="1"/>
    <col min="7170" max="7170" width="8.875" style="3"/>
    <col min="7171" max="7171" width="9" style="3" customWidth="1"/>
    <col min="7172" max="7172" width="9.5" style="3" customWidth="1"/>
    <col min="7173" max="7173" width="27.125" style="3" customWidth="1"/>
    <col min="7174" max="7174" width="10.75" style="3" customWidth="1"/>
    <col min="7175" max="7175" width="14.125" style="3" customWidth="1"/>
    <col min="7176" max="7176" width="16.75" style="3" customWidth="1"/>
    <col min="7177" max="7177" width="3.75" style="3" customWidth="1"/>
    <col min="7178" max="7424" width="8.875" style="3"/>
    <col min="7425" max="7425" width="3.625" style="3" customWidth="1"/>
    <col min="7426" max="7426" width="8.875" style="3"/>
    <col min="7427" max="7427" width="9" style="3" customWidth="1"/>
    <col min="7428" max="7428" width="9.5" style="3" customWidth="1"/>
    <col min="7429" max="7429" width="27.125" style="3" customWidth="1"/>
    <col min="7430" max="7430" width="10.75" style="3" customWidth="1"/>
    <col min="7431" max="7431" width="14.125" style="3" customWidth="1"/>
    <col min="7432" max="7432" width="16.75" style="3" customWidth="1"/>
    <col min="7433" max="7433" width="3.75" style="3" customWidth="1"/>
    <col min="7434" max="7680" width="8.875" style="3"/>
    <col min="7681" max="7681" width="3.625" style="3" customWidth="1"/>
    <col min="7682" max="7682" width="8.875" style="3"/>
    <col min="7683" max="7683" width="9" style="3" customWidth="1"/>
    <col min="7684" max="7684" width="9.5" style="3" customWidth="1"/>
    <col min="7685" max="7685" width="27.125" style="3" customWidth="1"/>
    <col min="7686" max="7686" width="10.75" style="3" customWidth="1"/>
    <col min="7687" max="7687" width="14.125" style="3" customWidth="1"/>
    <col min="7688" max="7688" width="16.75" style="3" customWidth="1"/>
    <col min="7689" max="7689" width="3.75" style="3" customWidth="1"/>
    <col min="7690" max="7936" width="8.875" style="3"/>
    <col min="7937" max="7937" width="3.625" style="3" customWidth="1"/>
    <col min="7938" max="7938" width="8.875" style="3"/>
    <col min="7939" max="7939" width="9" style="3" customWidth="1"/>
    <col min="7940" max="7940" width="9.5" style="3" customWidth="1"/>
    <col min="7941" max="7941" width="27.125" style="3" customWidth="1"/>
    <col min="7942" max="7942" width="10.75" style="3" customWidth="1"/>
    <col min="7943" max="7943" width="14.125" style="3" customWidth="1"/>
    <col min="7944" max="7944" width="16.75" style="3" customWidth="1"/>
    <col min="7945" max="7945" width="3.75" style="3" customWidth="1"/>
    <col min="7946" max="8192" width="8.875" style="3"/>
    <col min="8193" max="8193" width="3.625" style="3" customWidth="1"/>
    <col min="8194" max="8194" width="8.875" style="3"/>
    <col min="8195" max="8195" width="9" style="3" customWidth="1"/>
    <col min="8196" max="8196" width="9.5" style="3" customWidth="1"/>
    <col min="8197" max="8197" width="27.125" style="3" customWidth="1"/>
    <col min="8198" max="8198" width="10.75" style="3" customWidth="1"/>
    <col min="8199" max="8199" width="14.125" style="3" customWidth="1"/>
    <col min="8200" max="8200" width="16.75" style="3" customWidth="1"/>
    <col min="8201" max="8201" width="3.75" style="3" customWidth="1"/>
    <col min="8202" max="8448" width="8.875" style="3"/>
    <col min="8449" max="8449" width="3.625" style="3" customWidth="1"/>
    <col min="8450" max="8450" width="8.875" style="3"/>
    <col min="8451" max="8451" width="9" style="3" customWidth="1"/>
    <col min="8452" max="8452" width="9.5" style="3" customWidth="1"/>
    <col min="8453" max="8453" width="27.125" style="3" customWidth="1"/>
    <col min="8454" max="8454" width="10.75" style="3" customWidth="1"/>
    <col min="8455" max="8455" width="14.125" style="3" customWidth="1"/>
    <col min="8456" max="8456" width="16.75" style="3" customWidth="1"/>
    <col min="8457" max="8457" width="3.75" style="3" customWidth="1"/>
    <col min="8458" max="8704" width="8.875" style="3"/>
    <col min="8705" max="8705" width="3.625" style="3" customWidth="1"/>
    <col min="8706" max="8706" width="8.875" style="3"/>
    <col min="8707" max="8707" width="9" style="3" customWidth="1"/>
    <col min="8708" max="8708" width="9.5" style="3" customWidth="1"/>
    <col min="8709" max="8709" width="27.125" style="3" customWidth="1"/>
    <col min="8710" max="8710" width="10.75" style="3" customWidth="1"/>
    <col min="8711" max="8711" width="14.125" style="3" customWidth="1"/>
    <col min="8712" max="8712" width="16.75" style="3" customWidth="1"/>
    <col min="8713" max="8713" width="3.75" style="3" customWidth="1"/>
    <col min="8714" max="8960" width="8.875" style="3"/>
    <col min="8961" max="8961" width="3.625" style="3" customWidth="1"/>
    <col min="8962" max="8962" width="8.875" style="3"/>
    <col min="8963" max="8963" width="9" style="3" customWidth="1"/>
    <col min="8964" max="8964" width="9.5" style="3" customWidth="1"/>
    <col min="8965" max="8965" width="27.125" style="3" customWidth="1"/>
    <col min="8966" max="8966" width="10.75" style="3" customWidth="1"/>
    <col min="8967" max="8967" width="14.125" style="3" customWidth="1"/>
    <col min="8968" max="8968" width="16.75" style="3" customWidth="1"/>
    <col min="8969" max="8969" width="3.75" style="3" customWidth="1"/>
    <col min="8970" max="9216" width="8.875" style="3"/>
    <col min="9217" max="9217" width="3.625" style="3" customWidth="1"/>
    <col min="9218" max="9218" width="8.875" style="3"/>
    <col min="9219" max="9219" width="9" style="3" customWidth="1"/>
    <col min="9220" max="9220" width="9.5" style="3" customWidth="1"/>
    <col min="9221" max="9221" width="27.125" style="3" customWidth="1"/>
    <col min="9222" max="9222" width="10.75" style="3" customWidth="1"/>
    <col min="9223" max="9223" width="14.125" style="3" customWidth="1"/>
    <col min="9224" max="9224" width="16.75" style="3" customWidth="1"/>
    <col min="9225" max="9225" width="3.75" style="3" customWidth="1"/>
    <col min="9226" max="9472" width="8.875" style="3"/>
    <col min="9473" max="9473" width="3.625" style="3" customWidth="1"/>
    <col min="9474" max="9474" width="8.875" style="3"/>
    <col min="9475" max="9475" width="9" style="3" customWidth="1"/>
    <col min="9476" max="9476" width="9.5" style="3" customWidth="1"/>
    <col min="9477" max="9477" width="27.125" style="3" customWidth="1"/>
    <col min="9478" max="9478" width="10.75" style="3" customWidth="1"/>
    <col min="9479" max="9479" width="14.125" style="3" customWidth="1"/>
    <col min="9480" max="9480" width="16.75" style="3" customWidth="1"/>
    <col min="9481" max="9481" width="3.75" style="3" customWidth="1"/>
    <col min="9482" max="9728" width="8.875" style="3"/>
    <col min="9729" max="9729" width="3.625" style="3" customWidth="1"/>
    <col min="9730" max="9730" width="8.875" style="3"/>
    <col min="9731" max="9731" width="9" style="3" customWidth="1"/>
    <col min="9732" max="9732" width="9.5" style="3" customWidth="1"/>
    <col min="9733" max="9733" width="27.125" style="3" customWidth="1"/>
    <col min="9734" max="9734" width="10.75" style="3" customWidth="1"/>
    <col min="9735" max="9735" width="14.125" style="3" customWidth="1"/>
    <col min="9736" max="9736" width="16.75" style="3" customWidth="1"/>
    <col min="9737" max="9737" width="3.75" style="3" customWidth="1"/>
    <col min="9738" max="9984" width="8.875" style="3"/>
    <col min="9985" max="9985" width="3.625" style="3" customWidth="1"/>
    <col min="9986" max="9986" width="8.875" style="3"/>
    <col min="9987" max="9987" width="9" style="3" customWidth="1"/>
    <col min="9988" max="9988" width="9.5" style="3" customWidth="1"/>
    <col min="9989" max="9989" width="27.125" style="3" customWidth="1"/>
    <col min="9990" max="9990" width="10.75" style="3" customWidth="1"/>
    <col min="9991" max="9991" width="14.125" style="3" customWidth="1"/>
    <col min="9992" max="9992" width="16.75" style="3" customWidth="1"/>
    <col min="9993" max="9993" width="3.75" style="3" customWidth="1"/>
    <col min="9994" max="10240" width="8.875" style="3"/>
    <col min="10241" max="10241" width="3.625" style="3" customWidth="1"/>
    <col min="10242" max="10242" width="8.875" style="3"/>
    <col min="10243" max="10243" width="9" style="3" customWidth="1"/>
    <col min="10244" max="10244" width="9.5" style="3" customWidth="1"/>
    <col min="10245" max="10245" width="27.125" style="3" customWidth="1"/>
    <col min="10246" max="10246" width="10.75" style="3" customWidth="1"/>
    <col min="10247" max="10247" width="14.125" style="3" customWidth="1"/>
    <col min="10248" max="10248" width="16.75" style="3" customWidth="1"/>
    <col min="10249" max="10249" width="3.75" style="3" customWidth="1"/>
    <col min="10250" max="10496" width="8.875" style="3"/>
    <col min="10497" max="10497" width="3.625" style="3" customWidth="1"/>
    <col min="10498" max="10498" width="8.875" style="3"/>
    <col min="10499" max="10499" width="9" style="3" customWidth="1"/>
    <col min="10500" max="10500" width="9.5" style="3" customWidth="1"/>
    <col min="10501" max="10501" width="27.125" style="3" customWidth="1"/>
    <col min="10502" max="10502" width="10.75" style="3" customWidth="1"/>
    <col min="10503" max="10503" width="14.125" style="3" customWidth="1"/>
    <col min="10504" max="10504" width="16.75" style="3" customWidth="1"/>
    <col min="10505" max="10505" width="3.75" style="3" customWidth="1"/>
    <col min="10506" max="10752" width="8.875" style="3"/>
    <col min="10753" max="10753" width="3.625" style="3" customWidth="1"/>
    <col min="10754" max="10754" width="8.875" style="3"/>
    <col min="10755" max="10755" width="9" style="3" customWidth="1"/>
    <col min="10756" max="10756" width="9.5" style="3" customWidth="1"/>
    <col min="10757" max="10757" width="27.125" style="3" customWidth="1"/>
    <col min="10758" max="10758" width="10.75" style="3" customWidth="1"/>
    <col min="10759" max="10759" width="14.125" style="3" customWidth="1"/>
    <col min="10760" max="10760" width="16.75" style="3" customWidth="1"/>
    <col min="10761" max="10761" width="3.75" style="3" customWidth="1"/>
    <col min="10762" max="11008" width="8.875" style="3"/>
    <col min="11009" max="11009" width="3.625" style="3" customWidth="1"/>
    <col min="11010" max="11010" width="8.875" style="3"/>
    <col min="11011" max="11011" width="9" style="3" customWidth="1"/>
    <col min="11012" max="11012" width="9.5" style="3" customWidth="1"/>
    <col min="11013" max="11013" width="27.125" style="3" customWidth="1"/>
    <col min="11014" max="11014" width="10.75" style="3" customWidth="1"/>
    <col min="11015" max="11015" width="14.125" style="3" customWidth="1"/>
    <col min="11016" max="11016" width="16.75" style="3" customWidth="1"/>
    <col min="11017" max="11017" width="3.75" style="3" customWidth="1"/>
    <col min="11018" max="11264" width="8.875" style="3"/>
    <col min="11265" max="11265" width="3.625" style="3" customWidth="1"/>
    <col min="11266" max="11266" width="8.875" style="3"/>
    <col min="11267" max="11267" width="9" style="3" customWidth="1"/>
    <col min="11268" max="11268" width="9.5" style="3" customWidth="1"/>
    <col min="11269" max="11269" width="27.125" style="3" customWidth="1"/>
    <col min="11270" max="11270" width="10.75" style="3" customWidth="1"/>
    <col min="11271" max="11271" width="14.125" style="3" customWidth="1"/>
    <col min="11272" max="11272" width="16.75" style="3" customWidth="1"/>
    <col min="11273" max="11273" width="3.75" style="3" customWidth="1"/>
    <col min="11274" max="11520" width="8.875" style="3"/>
    <col min="11521" max="11521" width="3.625" style="3" customWidth="1"/>
    <col min="11522" max="11522" width="8.875" style="3"/>
    <col min="11523" max="11523" width="9" style="3" customWidth="1"/>
    <col min="11524" max="11524" width="9.5" style="3" customWidth="1"/>
    <col min="11525" max="11525" width="27.125" style="3" customWidth="1"/>
    <col min="11526" max="11526" width="10.75" style="3" customWidth="1"/>
    <col min="11527" max="11527" width="14.125" style="3" customWidth="1"/>
    <col min="11528" max="11528" width="16.75" style="3" customWidth="1"/>
    <col min="11529" max="11529" width="3.75" style="3" customWidth="1"/>
    <col min="11530" max="11776" width="8.875" style="3"/>
    <col min="11777" max="11777" width="3.625" style="3" customWidth="1"/>
    <col min="11778" max="11778" width="8.875" style="3"/>
    <col min="11779" max="11779" width="9" style="3" customWidth="1"/>
    <col min="11780" max="11780" width="9.5" style="3" customWidth="1"/>
    <col min="11781" max="11781" width="27.125" style="3" customWidth="1"/>
    <col min="11782" max="11782" width="10.75" style="3" customWidth="1"/>
    <col min="11783" max="11783" width="14.125" style="3" customWidth="1"/>
    <col min="11784" max="11784" width="16.75" style="3" customWidth="1"/>
    <col min="11785" max="11785" width="3.75" style="3" customWidth="1"/>
    <col min="11786" max="12032" width="8.875" style="3"/>
    <col min="12033" max="12033" width="3.625" style="3" customWidth="1"/>
    <col min="12034" max="12034" width="8.875" style="3"/>
    <col min="12035" max="12035" width="9" style="3" customWidth="1"/>
    <col min="12036" max="12036" width="9.5" style="3" customWidth="1"/>
    <col min="12037" max="12037" width="27.125" style="3" customWidth="1"/>
    <col min="12038" max="12038" width="10.75" style="3" customWidth="1"/>
    <col min="12039" max="12039" width="14.125" style="3" customWidth="1"/>
    <col min="12040" max="12040" width="16.75" style="3" customWidth="1"/>
    <col min="12041" max="12041" width="3.75" style="3" customWidth="1"/>
    <col min="12042" max="12288" width="8.875" style="3"/>
    <col min="12289" max="12289" width="3.625" style="3" customWidth="1"/>
    <col min="12290" max="12290" width="8.875" style="3"/>
    <col min="12291" max="12291" width="9" style="3" customWidth="1"/>
    <col min="12292" max="12292" width="9.5" style="3" customWidth="1"/>
    <col min="12293" max="12293" width="27.125" style="3" customWidth="1"/>
    <col min="12294" max="12294" width="10.75" style="3" customWidth="1"/>
    <col min="12295" max="12295" width="14.125" style="3" customWidth="1"/>
    <col min="12296" max="12296" width="16.75" style="3" customWidth="1"/>
    <col min="12297" max="12297" width="3.75" style="3" customWidth="1"/>
    <col min="12298" max="12544" width="8.875" style="3"/>
    <col min="12545" max="12545" width="3.625" style="3" customWidth="1"/>
    <col min="12546" max="12546" width="8.875" style="3"/>
    <col min="12547" max="12547" width="9" style="3" customWidth="1"/>
    <col min="12548" max="12548" width="9.5" style="3" customWidth="1"/>
    <col min="12549" max="12549" width="27.125" style="3" customWidth="1"/>
    <col min="12550" max="12550" width="10.75" style="3" customWidth="1"/>
    <col min="12551" max="12551" width="14.125" style="3" customWidth="1"/>
    <col min="12552" max="12552" width="16.75" style="3" customWidth="1"/>
    <col min="12553" max="12553" width="3.75" style="3" customWidth="1"/>
    <col min="12554" max="12800" width="8.875" style="3"/>
    <col min="12801" max="12801" width="3.625" style="3" customWidth="1"/>
    <col min="12802" max="12802" width="8.875" style="3"/>
    <col min="12803" max="12803" width="9" style="3" customWidth="1"/>
    <col min="12804" max="12804" width="9.5" style="3" customWidth="1"/>
    <col min="12805" max="12805" width="27.125" style="3" customWidth="1"/>
    <col min="12806" max="12806" width="10.75" style="3" customWidth="1"/>
    <col min="12807" max="12807" width="14.125" style="3" customWidth="1"/>
    <col min="12808" max="12808" width="16.75" style="3" customWidth="1"/>
    <col min="12809" max="12809" width="3.75" style="3" customWidth="1"/>
    <col min="12810" max="13056" width="8.875" style="3"/>
    <col min="13057" max="13057" width="3.625" style="3" customWidth="1"/>
    <col min="13058" max="13058" width="8.875" style="3"/>
    <col min="13059" max="13059" width="9" style="3" customWidth="1"/>
    <col min="13060" max="13060" width="9.5" style="3" customWidth="1"/>
    <col min="13061" max="13061" width="27.125" style="3" customWidth="1"/>
    <col min="13062" max="13062" width="10.75" style="3" customWidth="1"/>
    <col min="13063" max="13063" width="14.125" style="3" customWidth="1"/>
    <col min="13064" max="13064" width="16.75" style="3" customWidth="1"/>
    <col min="13065" max="13065" width="3.75" style="3" customWidth="1"/>
    <col min="13066" max="13312" width="8.875" style="3"/>
    <col min="13313" max="13313" width="3.625" style="3" customWidth="1"/>
    <col min="13314" max="13314" width="8.875" style="3"/>
    <col min="13315" max="13315" width="9" style="3" customWidth="1"/>
    <col min="13316" max="13316" width="9.5" style="3" customWidth="1"/>
    <col min="13317" max="13317" width="27.125" style="3" customWidth="1"/>
    <col min="13318" max="13318" width="10.75" style="3" customWidth="1"/>
    <col min="13319" max="13319" width="14.125" style="3" customWidth="1"/>
    <col min="13320" max="13320" width="16.75" style="3" customWidth="1"/>
    <col min="13321" max="13321" width="3.75" style="3" customWidth="1"/>
    <col min="13322" max="13568" width="8.875" style="3"/>
    <col min="13569" max="13569" width="3.625" style="3" customWidth="1"/>
    <col min="13570" max="13570" width="8.875" style="3"/>
    <col min="13571" max="13571" width="9" style="3" customWidth="1"/>
    <col min="13572" max="13572" width="9.5" style="3" customWidth="1"/>
    <col min="13573" max="13573" width="27.125" style="3" customWidth="1"/>
    <col min="13574" max="13574" width="10.75" style="3" customWidth="1"/>
    <col min="13575" max="13575" width="14.125" style="3" customWidth="1"/>
    <col min="13576" max="13576" width="16.75" style="3" customWidth="1"/>
    <col min="13577" max="13577" width="3.75" style="3" customWidth="1"/>
    <col min="13578" max="13824" width="8.875" style="3"/>
    <col min="13825" max="13825" width="3.625" style="3" customWidth="1"/>
    <col min="13826" max="13826" width="8.875" style="3"/>
    <col min="13827" max="13827" width="9" style="3" customWidth="1"/>
    <col min="13828" max="13828" width="9.5" style="3" customWidth="1"/>
    <col min="13829" max="13829" width="27.125" style="3" customWidth="1"/>
    <col min="13830" max="13830" width="10.75" style="3" customWidth="1"/>
    <col min="13831" max="13831" width="14.125" style="3" customWidth="1"/>
    <col min="13832" max="13832" width="16.75" style="3" customWidth="1"/>
    <col min="13833" max="13833" width="3.75" style="3" customWidth="1"/>
    <col min="13834" max="14080" width="8.875" style="3"/>
    <col min="14081" max="14081" width="3.625" style="3" customWidth="1"/>
    <col min="14082" max="14082" width="8.875" style="3"/>
    <col min="14083" max="14083" width="9" style="3" customWidth="1"/>
    <col min="14084" max="14084" width="9.5" style="3" customWidth="1"/>
    <col min="14085" max="14085" width="27.125" style="3" customWidth="1"/>
    <col min="14086" max="14086" width="10.75" style="3" customWidth="1"/>
    <col min="14087" max="14087" width="14.125" style="3" customWidth="1"/>
    <col min="14088" max="14088" width="16.75" style="3" customWidth="1"/>
    <col min="14089" max="14089" width="3.75" style="3" customWidth="1"/>
    <col min="14090" max="14336" width="8.875" style="3"/>
    <col min="14337" max="14337" width="3.625" style="3" customWidth="1"/>
    <col min="14338" max="14338" width="8.875" style="3"/>
    <col min="14339" max="14339" width="9" style="3" customWidth="1"/>
    <col min="14340" max="14340" width="9.5" style="3" customWidth="1"/>
    <col min="14341" max="14341" width="27.125" style="3" customWidth="1"/>
    <col min="14342" max="14342" width="10.75" style="3" customWidth="1"/>
    <col min="14343" max="14343" width="14.125" style="3" customWidth="1"/>
    <col min="14344" max="14344" width="16.75" style="3" customWidth="1"/>
    <col min="14345" max="14345" width="3.75" style="3" customWidth="1"/>
    <col min="14346" max="14592" width="8.875" style="3"/>
    <col min="14593" max="14593" width="3.625" style="3" customWidth="1"/>
    <col min="14594" max="14594" width="8.875" style="3"/>
    <col min="14595" max="14595" width="9" style="3" customWidth="1"/>
    <col min="14596" max="14596" width="9.5" style="3" customWidth="1"/>
    <col min="14597" max="14597" width="27.125" style="3" customWidth="1"/>
    <col min="14598" max="14598" width="10.75" style="3" customWidth="1"/>
    <col min="14599" max="14599" width="14.125" style="3" customWidth="1"/>
    <col min="14600" max="14600" width="16.75" style="3" customWidth="1"/>
    <col min="14601" max="14601" width="3.75" style="3" customWidth="1"/>
    <col min="14602" max="14848" width="8.875" style="3"/>
    <col min="14849" max="14849" width="3.625" style="3" customWidth="1"/>
    <col min="14850" max="14850" width="8.875" style="3"/>
    <col min="14851" max="14851" width="9" style="3" customWidth="1"/>
    <col min="14852" max="14852" width="9.5" style="3" customWidth="1"/>
    <col min="14853" max="14853" width="27.125" style="3" customWidth="1"/>
    <col min="14854" max="14854" width="10.75" style="3" customWidth="1"/>
    <col min="14855" max="14855" width="14.125" style="3" customWidth="1"/>
    <col min="14856" max="14856" width="16.75" style="3" customWidth="1"/>
    <col min="14857" max="14857" width="3.75" style="3" customWidth="1"/>
    <col min="14858" max="15104" width="8.875" style="3"/>
    <col min="15105" max="15105" width="3.625" style="3" customWidth="1"/>
    <col min="15106" max="15106" width="8.875" style="3"/>
    <col min="15107" max="15107" width="9" style="3" customWidth="1"/>
    <col min="15108" max="15108" width="9.5" style="3" customWidth="1"/>
    <col min="15109" max="15109" width="27.125" style="3" customWidth="1"/>
    <col min="15110" max="15110" width="10.75" style="3" customWidth="1"/>
    <col min="15111" max="15111" width="14.125" style="3" customWidth="1"/>
    <col min="15112" max="15112" width="16.75" style="3" customWidth="1"/>
    <col min="15113" max="15113" width="3.75" style="3" customWidth="1"/>
    <col min="15114" max="15360" width="8.875" style="3"/>
    <col min="15361" max="15361" width="3.625" style="3" customWidth="1"/>
    <col min="15362" max="15362" width="8.875" style="3"/>
    <col min="15363" max="15363" width="9" style="3" customWidth="1"/>
    <col min="15364" max="15364" width="9.5" style="3" customWidth="1"/>
    <col min="15365" max="15365" width="27.125" style="3" customWidth="1"/>
    <col min="15366" max="15366" width="10.75" style="3" customWidth="1"/>
    <col min="15367" max="15367" width="14.125" style="3" customWidth="1"/>
    <col min="15368" max="15368" width="16.75" style="3" customWidth="1"/>
    <col min="15369" max="15369" width="3.75" style="3" customWidth="1"/>
    <col min="15370" max="15616" width="8.875" style="3"/>
    <col min="15617" max="15617" width="3.625" style="3" customWidth="1"/>
    <col min="15618" max="15618" width="8.875" style="3"/>
    <col min="15619" max="15619" width="9" style="3" customWidth="1"/>
    <col min="15620" max="15620" width="9.5" style="3" customWidth="1"/>
    <col min="15621" max="15621" width="27.125" style="3" customWidth="1"/>
    <col min="15622" max="15622" width="10.75" style="3" customWidth="1"/>
    <col min="15623" max="15623" width="14.125" style="3" customWidth="1"/>
    <col min="15624" max="15624" width="16.75" style="3" customWidth="1"/>
    <col min="15625" max="15625" width="3.75" style="3" customWidth="1"/>
    <col min="15626" max="15872" width="8.875" style="3"/>
    <col min="15873" max="15873" width="3.625" style="3" customWidth="1"/>
    <col min="15874" max="15874" width="8.875" style="3"/>
    <col min="15875" max="15875" width="9" style="3" customWidth="1"/>
    <col min="15876" max="15876" width="9.5" style="3" customWidth="1"/>
    <col min="15877" max="15877" width="27.125" style="3" customWidth="1"/>
    <col min="15878" max="15878" width="10.75" style="3" customWidth="1"/>
    <col min="15879" max="15879" width="14.125" style="3" customWidth="1"/>
    <col min="15880" max="15880" width="16.75" style="3" customWidth="1"/>
    <col min="15881" max="15881" width="3.75" style="3" customWidth="1"/>
    <col min="15882" max="16128" width="8.875" style="3"/>
    <col min="16129" max="16129" width="3.625" style="3" customWidth="1"/>
    <col min="16130" max="16130" width="8.875" style="3"/>
    <col min="16131" max="16131" width="9" style="3" customWidth="1"/>
    <col min="16132" max="16132" width="9.5" style="3" customWidth="1"/>
    <col min="16133" max="16133" width="27.125" style="3" customWidth="1"/>
    <col min="16134" max="16134" width="10.75" style="3" customWidth="1"/>
    <col min="16135" max="16135" width="14.125" style="3" customWidth="1"/>
    <col min="16136" max="16136" width="16.75" style="3" customWidth="1"/>
    <col min="16137" max="16137" width="3.75" style="3" customWidth="1"/>
    <col min="16138" max="16384" width="8.875" style="3"/>
  </cols>
  <sheetData>
    <row r="2" spans="2:9" ht="20.25" customHeight="1">
      <c r="B2" s="1" t="s">
        <v>0</v>
      </c>
      <c r="C2" s="2"/>
      <c r="F2" s="2"/>
      <c r="G2" s="2"/>
      <c r="H2" s="2"/>
      <c r="I2" s="4"/>
    </row>
    <row r="3" spans="2:9" ht="20.25" customHeight="1">
      <c r="B3" s="5"/>
      <c r="C3" s="6"/>
      <c r="D3" s="7" t="s">
        <v>1</v>
      </c>
      <c r="G3" s="8"/>
      <c r="H3" s="8" t="s">
        <v>2</v>
      </c>
    </row>
    <row r="4" spans="2:9" ht="20.25" customHeight="1">
      <c r="B4" s="2"/>
      <c r="C4" s="1"/>
      <c r="D4" s="9"/>
      <c r="E4" s="9"/>
      <c r="G4" s="10"/>
      <c r="H4" s="10" t="s">
        <v>3</v>
      </c>
      <c r="I4" s="10"/>
    </row>
    <row r="5" spans="2:9" ht="30" customHeight="1">
      <c r="B5" s="11" t="s">
        <v>4</v>
      </c>
      <c r="C5" s="2"/>
    </row>
    <row r="6" spans="2:9" ht="15" customHeight="1">
      <c r="B6" s="2" t="s">
        <v>5</v>
      </c>
      <c r="C6" s="2"/>
    </row>
    <row r="7" spans="2:9" ht="15" customHeight="1">
      <c r="B7" s="2" t="s">
        <v>6</v>
      </c>
      <c r="C7" s="2"/>
    </row>
    <row r="8" spans="2:9" ht="15" customHeight="1">
      <c r="B8" s="2" t="s">
        <v>7</v>
      </c>
      <c r="C8" s="2"/>
    </row>
    <row r="9" spans="2:9" ht="15" customHeight="1">
      <c r="B9" s="2" t="s">
        <v>8</v>
      </c>
      <c r="C9" s="2"/>
    </row>
    <row r="10" spans="2:9" ht="15" customHeight="1">
      <c r="B10" s="2" t="s">
        <v>9</v>
      </c>
      <c r="C10" s="2"/>
    </row>
    <row r="11" spans="2:9" ht="15" customHeight="1">
      <c r="B11" s="2" t="s">
        <v>10</v>
      </c>
      <c r="C11" s="2"/>
    </row>
    <row r="12" spans="2:9" ht="15" customHeight="1">
      <c r="B12" s="2" t="s">
        <v>11</v>
      </c>
      <c r="C12" s="2"/>
    </row>
    <row r="13" spans="2:9" ht="15" customHeight="1">
      <c r="B13" s="2" t="s">
        <v>12</v>
      </c>
      <c r="C13" s="2"/>
      <c r="G13" s="12" t="s">
        <v>13</v>
      </c>
    </row>
    <row r="14" spans="2:9" ht="15" customHeight="1">
      <c r="B14" s="2" t="s">
        <v>14</v>
      </c>
      <c r="C14" s="2"/>
    </row>
    <row r="15" spans="2:9" ht="15" customHeight="1">
      <c r="B15" s="2" t="s">
        <v>15</v>
      </c>
      <c r="C15" s="2"/>
    </row>
    <row r="16" spans="2:9" ht="15" customHeight="1">
      <c r="B16" s="2" t="s">
        <v>16</v>
      </c>
      <c r="C16" s="2"/>
    </row>
    <row r="17" spans="2:9" ht="15" customHeight="1">
      <c r="B17" s="2" t="s">
        <v>17</v>
      </c>
      <c r="C17" s="2"/>
    </row>
    <row r="18" spans="2:9" ht="15" customHeight="1">
      <c r="B18" s="2" t="s">
        <v>18</v>
      </c>
    </row>
    <row r="19" spans="2:9" ht="15" customHeight="1">
      <c r="B19" s="2"/>
    </row>
    <row r="20" spans="2:9" ht="20.25" customHeight="1">
      <c r="B20" s="13" t="s">
        <v>19</v>
      </c>
      <c r="D20" s="13"/>
      <c r="F20" s="14"/>
      <c r="G20" s="14"/>
      <c r="H20" s="15" t="s">
        <v>20</v>
      </c>
    </row>
    <row r="21" spans="2:9" ht="20.25" customHeight="1">
      <c r="D21" s="16" t="s">
        <v>21</v>
      </c>
      <c r="E21" s="17"/>
      <c r="F21" s="18"/>
      <c r="G21" s="18" t="s">
        <v>22</v>
      </c>
      <c r="H21" s="18"/>
    </row>
    <row r="22" spans="2:9" ht="18.75" customHeight="1" thickBot="1">
      <c r="B22" s="19" t="s">
        <v>23</v>
      </c>
    </row>
    <row r="23" spans="2:9" ht="15" customHeight="1">
      <c r="B23" s="20" t="s">
        <v>24</v>
      </c>
      <c r="C23" s="21" t="s">
        <v>25</v>
      </c>
      <c r="D23" s="22"/>
      <c r="E23" s="23" t="s">
        <v>26</v>
      </c>
      <c r="F23" s="24" t="s">
        <v>27</v>
      </c>
      <c r="G23" s="25" t="s">
        <v>28</v>
      </c>
      <c r="H23" s="26" t="s">
        <v>29</v>
      </c>
      <c r="I23" s="27"/>
    </row>
    <row r="24" spans="2:9" ht="15" customHeight="1" thickBot="1">
      <c r="B24" s="28"/>
      <c r="C24" s="29" t="s">
        <v>30</v>
      </c>
      <c r="D24" s="30" t="s">
        <v>31</v>
      </c>
      <c r="E24" s="31"/>
      <c r="F24" s="32" t="s">
        <v>32</v>
      </c>
      <c r="G24" s="33" t="s">
        <v>33</v>
      </c>
      <c r="H24" s="34" t="s">
        <v>34</v>
      </c>
      <c r="I24" s="27"/>
    </row>
    <row r="25" spans="2:9" ht="22.9" customHeight="1">
      <c r="B25" s="35">
        <v>1</v>
      </c>
      <c r="C25" s="36"/>
      <c r="D25" s="37"/>
      <c r="E25" s="38"/>
      <c r="F25" s="39"/>
      <c r="G25" s="40"/>
      <c r="H25" s="41"/>
      <c r="I25" s="42"/>
    </row>
    <row r="26" spans="2:9" ht="22.9" customHeight="1" thickBot="1">
      <c r="B26" s="43"/>
      <c r="C26" s="44"/>
      <c r="D26" s="45"/>
      <c r="E26" s="46"/>
      <c r="F26" s="47"/>
      <c r="G26" s="48"/>
      <c r="H26" s="49"/>
      <c r="I26" s="42"/>
    </row>
    <row r="27" spans="2:9" ht="22.9" customHeight="1">
      <c r="B27" s="35">
        <v>2</v>
      </c>
      <c r="C27" s="36"/>
      <c r="D27" s="36"/>
      <c r="E27" s="38"/>
      <c r="F27" s="39"/>
      <c r="G27" s="50"/>
      <c r="H27" s="41"/>
      <c r="I27" s="42"/>
    </row>
    <row r="28" spans="2:9" ht="22.9" customHeight="1" thickBot="1">
      <c r="B28" s="43"/>
      <c r="C28" s="44"/>
      <c r="D28" s="44"/>
      <c r="E28" s="46"/>
      <c r="F28" s="47"/>
      <c r="G28" s="48"/>
      <c r="H28" s="49"/>
      <c r="I28" s="42"/>
    </row>
    <row r="29" spans="2:9" ht="22.9" customHeight="1">
      <c r="B29" s="51">
        <v>3</v>
      </c>
      <c r="C29" s="36"/>
      <c r="D29" s="36"/>
      <c r="E29" s="38"/>
      <c r="F29" s="39"/>
      <c r="G29" s="50"/>
      <c r="H29" s="41"/>
      <c r="I29" s="42"/>
    </row>
    <row r="30" spans="2:9" ht="22.9" customHeight="1" thickBot="1">
      <c r="B30" s="52"/>
      <c r="C30" s="44"/>
      <c r="D30" s="44"/>
      <c r="E30" s="46"/>
      <c r="F30" s="47"/>
      <c r="G30" s="48"/>
      <c r="H30" s="49"/>
      <c r="I30" s="42"/>
    </row>
    <row r="31" spans="2:9" ht="22.9" customHeight="1">
      <c r="B31" s="51">
        <v>4</v>
      </c>
      <c r="C31" s="36"/>
      <c r="D31" s="36"/>
      <c r="E31" s="38"/>
      <c r="F31" s="39"/>
      <c r="G31" s="50"/>
      <c r="H31" s="41"/>
      <c r="I31" s="42"/>
    </row>
    <row r="32" spans="2:9" ht="22.9" customHeight="1" thickBot="1">
      <c r="B32" s="52"/>
      <c r="C32" s="44"/>
      <c r="D32" s="44"/>
      <c r="E32" s="46"/>
      <c r="F32" s="47"/>
      <c r="G32" s="48"/>
      <c r="H32" s="49"/>
      <c r="I32" s="42"/>
    </row>
    <row r="33" spans="2:9" ht="22.9" customHeight="1">
      <c r="B33" s="51">
        <v>5</v>
      </c>
      <c r="C33" s="36"/>
      <c r="D33" s="36"/>
      <c r="E33" s="38"/>
      <c r="F33" s="39"/>
      <c r="G33" s="50"/>
      <c r="H33" s="41"/>
      <c r="I33" s="42"/>
    </row>
    <row r="34" spans="2:9" ht="22.9" customHeight="1" thickBot="1">
      <c r="B34" s="52"/>
      <c r="C34" s="44"/>
      <c r="D34" s="44"/>
      <c r="E34" s="46"/>
      <c r="F34" s="47"/>
      <c r="G34" s="48"/>
      <c r="H34" s="49"/>
      <c r="I34" s="42"/>
    </row>
    <row r="35" spans="2:9" ht="22.9" customHeight="1">
      <c r="B35" s="51">
        <v>6</v>
      </c>
      <c r="C35" s="36"/>
      <c r="D35" s="36"/>
      <c r="E35" s="38"/>
      <c r="F35" s="39"/>
      <c r="G35" s="50"/>
      <c r="H35" s="41"/>
      <c r="I35" s="42"/>
    </row>
    <row r="36" spans="2:9" ht="22.9" customHeight="1" thickBot="1">
      <c r="B36" s="53"/>
      <c r="C36" s="44"/>
      <c r="D36" s="44"/>
      <c r="E36" s="46"/>
      <c r="F36" s="47"/>
      <c r="G36" s="48"/>
      <c r="H36" s="49"/>
      <c r="I36" s="42"/>
    </row>
    <row r="37" spans="2:9" ht="22.9" customHeight="1">
      <c r="B37" s="51">
        <v>7</v>
      </c>
      <c r="C37" s="36"/>
      <c r="D37" s="36"/>
      <c r="E37" s="38"/>
      <c r="F37" s="39"/>
      <c r="G37" s="50"/>
      <c r="H37" s="41"/>
      <c r="I37" s="42"/>
    </row>
    <row r="38" spans="2:9" ht="22.9" customHeight="1" thickBot="1">
      <c r="B38" s="52"/>
      <c r="C38" s="44"/>
      <c r="D38" s="44"/>
      <c r="E38" s="46"/>
      <c r="F38" s="47"/>
      <c r="G38" s="48"/>
      <c r="H38" s="49"/>
      <c r="I38" s="42"/>
    </row>
    <row r="39" spans="2:9" ht="22.9" customHeight="1">
      <c r="B39" s="51">
        <v>8</v>
      </c>
      <c r="C39" s="36"/>
      <c r="D39" s="36"/>
      <c r="E39" s="38"/>
      <c r="F39" s="39"/>
      <c r="G39" s="50"/>
      <c r="H39" s="41"/>
      <c r="I39" s="42"/>
    </row>
    <row r="40" spans="2:9" ht="22.9" customHeight="1" thickBot="1">
      <c r="B40" s="52"/>
      <c r="C40" s="44"/>
      <c r="D40" s="44"/>
      <c r="E40" s="46"/>
      <c r="F40" s="47"/>
      <c r="G40" s="48"/>
      <c r="H40" s="49"/>
      <c r="I40" s="42"/>
    </row>
    <row r="41" spans="2:9" ht="22.9" customHeight="1">
      <c r="B41" s="51">
        <v>9</v>
      </c>
      <c r="C41" s="36"/>
      <c r="D41" s="36"/>
      <c r="E41" s="38"/>
      <c r="F41" s="39"/>
      <c r="G41" s="50"/>
      <c r="H41" s="41"/>
      <c r="I41" s="42"/>
    </row>
    <row r="42" spans="2:9" ht="22.9" customHeight="1" thickBot="1">
      <c r="B42" s="52"/>
      <c r="C42" s="44"/>
      <c r="D42" s="44"/>
      <c r="E42" s="46"/>
      <c r="F42" s="47"/>
      <c r="G42" s="48"/>
      <c r="H42" s="49"/>
      <c r="I42" s="42"/>
    </row>
    <row r="43" spans="2:9" ht="22.9" customHeight="1">
      <c r="B43" s="51">
        <v>10</v>
      </c>
      <c r="C43" s="36"/>
      <c r="D43" s="36"/>
      <c r="E43" s="38"/>
      <c r="F43" s="39"/>
      <c r="G43" s="50"/>
      <c r="H43" s="41"/>
      <c r="I43" s="42"/>
    </row>
    <row r="44" spans="2:9" ht="22.9" customHeight="1" thickBot="1">
      <c r="B44" s="52"/>
      <c r="C44" s="44"/>
      <c r="D44" s="44"/>
      <c r="E44" s="46"/>
      <c r="F44" s="47"/>
      <c r="G44" s="48"/>
      <c r="H44" s="49"/>
      <c r="I44" s="42"/>
    </row>
    <row r="45" spans="2:9" ht="6" customHeight="1">
      <c r="B45" s="54"/>
      <c r="E45" s="55"/>
    </row>
    <row r="46" spans="2:9">
      <c r="B46" s="56"/>
      <c r="D46" s="56"/>
      <c r="E46" s="56" t="s">
        <v>35</v>
      </c>
    </row>
    <row r="47" spans="2:9">
      <c r="D47" s="56"/>
      <c r="E47" s="56" t="s">
        <v>36</v>
      </c>
    </row>
  </sheetData>
  <mergeCells count="46">
    <mergeCell ref="B41:B42"/>
    <mergeCell ref="C41:C42"/>
    <mergeCell ref="D41:D42"/>
    <mergeCell ref="H41:H42"/>
    <mergeCell ref="B43:B44"/>
    <mergeCell ref="C43:C44"/>
    <mergeCell ref="D43:D44"/>
    <mergeCell ref="H43:H44"/>
    <mergeCell ref="B37:B38"/>
    <mergeCell ref="C37:C38"/>
    <mergeCell ref="D37:D38"/>
    <mergeCell ref="H37:H38"/>
    <mergeCell ref="B39:B40"/>
    <mergeCell ref="C39:C40"/>
    <mergeCell ref="D39:D40"/>
    <mergeCell ref="H39:H40"/>
    <mergeCell ref="B33:B34"/>
    <mergeCell ref="C33:C34"/>
    <mergeCell ref="D33:D34"/>
    <mergeCell ref="H33:H34"/>
    <mergeCell ref="B35:B36"/>
    <mergeCell ref="C35:C36"/>
    <mergeCell ref="D35:D36"/>
    <mergeCell ref="H35:H36"/>
    <mergeCell ref="B29:B30"/>
    <mergeCell ref="C29:C30"/>
    <mergeCell ref="D29:D30"/>
    <mergeCell ref="H29:H30"/>
    <mergeCell ref="B31:B32"/>
    <mergeCell ref="C31:C32"/>
    <mergeCell ref="D31:D32"/>
    <mergeCell ref="H31:H32"/>
    <mergeCell ref="B25:B26"/>
    <mergeCell ref="C25:C26"/>
    <mergeCell ref="D25:D26"/>
    <mergeCell ref="H25:H26"/>
    <mergeCell ref="B27:B28"/>
    <mergeCell ref="C27:C28"/>
    <mergeCell ref="D27:D28"/>
    <mergeCell ref="H27:H28"/>
    <mergeCell ref="F20:G20"/>
    <mergeCell ref="E21:F21"/>
    <mergeCell ref="G21:H21"/>
    <mergeCell ref="B23:B24"/>
    <mergeCell ref="C23:D23"/>
    <mergeCell ref="E23:E24"/>
  </mergeCells>
  <phoneticPr fontId="3"/>
  <printOptions horizontalCentered="1" verticalCentered="1"/>
  <pageMargins left="0.78740157480314965" right="0.78740157480314965" top="0.39370078740157483" bottom="0.39370078740157483" header="0.51181102362204722" footer="0.51181102362204722"/>
  <pageSetup paperSize="9" scale="87" orientation="portrait" horizontalDpi="4294967293" verticalDpi="4294967293"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長杯三島案内</vt:lpstr>
      <vt:lpstr>市長杯三島案内!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c:creator>
  <cp:lastModifiedBy>SASA</cp:lastModifiedBy>
  <dcterms:created xsi:type="dcterms:W3CDTF">2019-09-04T00:40:50Z</dcterms:created>
  <dcterms:modified xsi:type="dcterms:W3CDTF">2019-09-04T00:42:29Z</dcterms:modified>
</cp:coreProperties>
</file>